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8_{3ED9FC1A-5DE0-4D07-8BF8-79BDF809BDCB}" xr6:coauthVersionLast="47" xr6:coauthVersionMax="47" xr10:uidLastSave="{00000000-0000-0000-0000-000000000000}"/>
  <bookViews>
    <workbookView xWindow="-120" yWindow="-120" windowWidth="29040" windowHeight="15720" xr2:uid="{04937C1A-E5C1-451A-823B-085AC0D0F4AA}"/>
  </bookViews>
  <sheets>
    <sheet name="２．ピラミッド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" uniqueCount="1">
  <si>
    <t>２．富山市の人口ピラミッド―令和７年９月末現在―</t>
    <rPh sb="2" eb="5">
      <t>トヤマシ</t>
    </rPh>
    <rPh sb="6" eb="8">
      <t>ジンコウ</t>
    </rPh>
    <rPh sb="14" eb="16">
      <t>レイワ</t>
    </rPh>
    <rPh sb="17" eb="18">
      <t>ネン</t>
    </rPh>
    <rPh sb="19" eb="20">
      <t>ガツ</t>
    </rPh>
    <rPh sb="20" eb="21">
      <t>マツ</t>
    </rPh>
    <rPh sb="21" eb="23">
      <t>ゲンザ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</font>
    <font>
      <b/>
      <sz val="16"/>
      <name val="BIZ UDゴシック"/>
      <family val="3"/>
    </font>
    <font>
      <sz val="6"/>
      <name val="ＭＳ Ｐ明朝"/>
      <family val="1"/>
      <charset val="128"/>
    </font>
    <font>
      <sz val="6"/>
      <name val="ＭＳ 明朝"/>
      <family val="1"/>
    </font>
    <font>
      <sz val="11"/>
      <name val="BIZ UDゴシック"/>
      <family val="3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0" fontId="1" fillId="0" borderId="0" xfId="0" applyFont="1" applyAlignment="1">
      <alignment horizontal="left"/>
    </xf>
    <xf numFmtId="0" fontId="4" fillId="0" borderId="0" xfId="0" applyFo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8435569983812495E-2"/>
          <c:y val="1.0230187545112979E-2"/>
          <c:w val="0.76190644909130767"/>
          <c:h val="0.95481750421054468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FFCC00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dPt>
            <c:idx val="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1-7A59-455D-832D-A2D8A10A1A62}"/>
              </c:ext>
            </c:extLst>
          </c:dPt>
          <c:dPt>
            <c:idx val="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3-7A59-455D-832D-A2D8A10A1A62}"/>
              </c:ext>
            </c:extLst>
          </c:dPt>
          <c:dPt>
            <c:idx val="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5-7A59-455D-832D-A2D8A10A1A62}"/>
              </c:ext>
            </c:extLst>
          </c:dPt>
          <c:dPt>
            <c:idx val="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7-7A59-455D-832D-A2D8A10A1A62}"/>
              </c:ext>
            </c:extLst>
          </c:dPt>
          <c:dPt>
            <c:idx val="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9-7A59-455D-832D-A2D8A10A1A62}"/>
              </c:ext>
            </c:extLst>
          </c:dPt>
          <c:dPt>
            <c:idx val="5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B-7A59-455D-832D-A2D8A10A1A62}"/>
              </c:ext>
            </c:extLst>
          </c:dPt>
          <c:dPt>
            <c:idx val="6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D-7A59-455D-832D-A2D8A10A1A62}"/>
              </c:ext>
            </c:extLst>
          </c:dPt>
          <c:dPt>
            <c:idx val="7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F-7A59-455D-832D-A2D8A10A1A62}"/>
              </c:ext>
            </c:extLst>
          </c:dPt>
          <c:dPt>
            <c:idx val="8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7A59-455D-832D-A2D8A10A1A62}"/>
              </c:ext>
            </c:extLst>
          </c:dPt>
          <c:dPt>
            <c:idx val="9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7A59-455D-832D-A2D8A10A1A62}"/>
              </c:ext>
            </c:extLst>
          </c:dPt>
          <c:dPt>
            <c:idx val="1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7A59-455D-832D-A2D8A10A1A62}"/>
              </c:ext>
            </c:extLst>
          </c:dPt>
          <c:dPt>
            <c:idx val="1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7A59-455D-832D-A2D8A10A1A62}"/>
              </c:ext>
            </c:extLst>
          </c:dPt>
          <c:dPt>
            <c:idx val="1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9-7A59-455D-832D-A2D8A10A1A62}"/>
              </c:ext>
            </c:extLst>
          </c:dPt>
          <c:dPt>
            <c:idx val="1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B-7A59-455D-832D-A2D8A10A1A62}"/>
              </c:ext>
            </c:extLst>
          </c:dPt>
          <c:dPt>
            <c:idx val="1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D-7A59-455D-832D-A2D8A10A1A62}"/>
              </c:ext>
            </c:extLst>
          </c:dPt>
          <c:dPt>
            <c:idx val="1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F-7A59-455D-832D-A2D8A10A1A62}"/>
              </c:ext>
            </c:extLst>
          </c:dPt>
          <c:dPt>
            <c:idx val="1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1-7A59-455D-832D-A2D8A10A1A62}"/>
              </c:ext>
            </c:extLst>
          </c:dPt>
          <c:dPt>
            <c:idx val="1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3-7A59-455D-832D-A2D8A10A1A62}"/>
              </c:ext>
            </c:extLst>
          </c:dPt>
          <c:dPt>
            <c:idx val="1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5-7A59-455D-832D-A2D8A10A1A62}"/>
              </c:ext>
            </c:extLst>
          </c:dPt>
          <c:dPt>
            <c:idx val="1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7-7A59-455D-832D-A2D8A10A1A62}"/>
              </c:ext>
            </c:extLst>
          </c:dPt>
          <c:dPt>
            <c:idx val="2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9-7A59-455D-832D-A2D8A10A1A62}"/>
              </c:ext>
            </c:extLst>
          </c:dPt>
          <c:dPt>
            <c:idx val="2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B-7A59-455D-832D-A2D8A10A1A62}"/>
              </c:ext>
            </c:extLst>
          </c:dPt>
          <c:dPt>
            <c:idx val="2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D-7A59-455D-832D-A2D8A10A1A62}"/>
              </c:ext>
            </c:extLst>
          </c:dPt>
          <c:dPt>
            <c:idx val="2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F-7A59-455D-832D-A2D8A10A1A62}"/>
              </c:ext>
            </c:extLst>
          </c:dPt>
          <c:dPt>
            <c:idx val="2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1-7A59-455D-832D-A2D8A10A1A62}"/>
              </c:ext>
            </c:extLst>
          </c:dPt>
          <c:dPt>
            <c:idx val="2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3-7A59-455D-832D-A2D8A10A1A62}"/>
              </c:ext>
            </c:extLst>
          </c:dPt>
          <c:dPt>
            <c:idx val="2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5-7A59-455D-832D-A2D8A10A1A62}"/>
              </c:ext>
            </c:extLst>
          </c:dPt>
          <c:dPt>
            <c:idx val="2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7-7A59-455D-832D-A2D8A10A1A62}"/>
              </c:ext>
            </c:extLst>
          </c:dPt>
          <c:dPt>
            <c:idx val="2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9-7A59-455D-832D-A2D8A10A1A62}"/>
              </c:ext>
            </c:extLst>
          </c:dPt>
          <c:dPt>
            <c:idx val="2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B-7A59-455D-832D-A2D8A10A1A62}"/>
              </c:ext>
            </c:extLst>
          </c:dPt>
          <c:dPt>
            <c:idx val="3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D-7A59-455D-832D-A2D8A10A1A62}"/>
              </c:ext>
            </c:extLst>
          </c:dPt>
          <c:dPt>
            <c:idx val="3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F-7A59-455D-832D-A2D8A10A1A62}"/>
              </c:ext>
            </c:extLst>
          </c:dPt>
          <c:dPt>
            <c:idx val="3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1-7A59-455D-832D-A2D8A10A1A62}"/>
              </c:ext>
            </c:extLst>
          </c:dPt>
          <c:dPt>
            <c:idx val="3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3-7A59-455D-832D-A2D8A10A1A62}"/>
              </c:ext>
            </c:extLst>
          </c:dPt>
          <c:dPt>
            <c:idx val="3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5-7A59-455D-832D-A2D8A10A1A62}"/>
              </c:ext>
            </c:extLst>
          </c:dPt>
          <c:dPt>
            <c:idx val="3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7-7A59-455D-832D-A2D8A10A1A62}"/>
              </c:ext>
            </c:extLst>
          </c:dPt>
          <c:dPt>
            <c:idx val="3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9-7A59-455D-832D-A2D8A10A1A62}"/>
              </c:ext>
            </c:extLst>
          </c:dPt>
          <c:dPt>
            <c:idx val="3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B-7A59-455D-832D-A2D8A10A1A62}"/>
              </c:ext>
            </c:extLst>
          </c:dPt>
          <c:dPt>
            <c:idx val="3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D-7A59-455D-832D-A2D8A10A1A62}"/>
              </c:ext>
            </c:extLst>
          </c:dPt>
          <c:dPt>
            <c:idx val="3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F-7A59-455D-832D-A2D8A10A1A62}"/>
              </c:ext>
            </c:extLst>
          </c:dPt>
          <c:dPt>
            <c:idx val="4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1-7A59-455D-832D-A2D8A10A1A62}"/>
              </c:ext>
            </c:extLst>
          </c:dPt>
          <c:dPt>
            <c:idx val="4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3-7A59-455D-832D-A2D8A10A1A62}"/>
              </c:ext>
            </c:extLst>
          </c:dPt>
          <c:dPt>
            <c:idx val="4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5-7A59-455D-832D-A2D8A10A1A62}"/>
              </c:ext>
            </c:extLst>
          </c:dPt>
          <c:dPt>
            <c:idx val="4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7-7A59-455D-832D-A2D8A10A1A62}"/>
              </c:ext>
            </c:extLst>
          </c:dPt>
          <c:dPt>
            <c:idx val="4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9-7A59-455D-832D-A2D8A10A1A62}"/>
              </c:ext>
            </c:extLst>
          </c:dPt>
          <c:dPt>
            <c:idx val="4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B-7A59-455D-832D-A2D8A10A1A62}"/>
              </c:ext>
            </c:extLst>
          </c:dPt>
          <c:dPt>
            <c:idx val="4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D-7A59-455D-832D-A2D8A10A1A62}"/>
              </c:ext>
            </c:extLst>
          </c:dPt>
          <c:dPt>
            <c:idx val="4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F-7A59-455D-832D-A2D8A10A1A62}"/>
              </c:ext>
            </c:extLst>
          </c:dPt>
          <c:dPt>
            <c:idx val="4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1-7A59-455D-832D-A2D8A10A1A62}"/>
              </c:ext>
            </c:extLst>
          </c:dPt>
          <c:dPt>
            <c:idx val="4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3-7A59-455D-832D-A2D8A10A1A62}"/>
              </c:ext>
            </c:extLst>
          </c:dPt>
          <c:dPt>
            <c:idx val="5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5-7A59-455D-832D-A2D8A10A1A62}"/>
              </c:ext>
            </c:extLst>
          </c:dPt>
          <c:dPt>
            <c:idx val="5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7-7A59-455D-832D-A2D8A10A1A62}"/>
              </c:ext>
            </c:extLst>
          </c:dPt>
          <c:dPt>
            <c:idx val="5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9-7A59-455D-832D-A2D8A10A1A62}"/>
              </c:ext>
            </c:extLst>
          </c:dPt>
          <c:dPt>
            <c:idx val="5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B-7A59-455D-832D-A2D8A10A1A62}"/>
              </c:ext>
            </c:extLst>
          </c:dPt>
          <c:dPt>
            <c:idx val="5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D-7A59-455D-832D-A2D8A10A1A62}"/>
              </c:ext>
            </c:extLst>
          </c:dPt>
          <c:dPt>
            <c:idx val="5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F-7A59-455D-832D-A2D8A10A1A62}"/>
              </c:ext>
            </c:extLst>
          </c:dPt>
          <c:dPt>
            <c:idx val="5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1-7A59-455D-832D-A2D8A10A1A62}"/>
              </c:ext>
            </c:extLst>
          </c:dPt>
          <c:dPt>
            <c:idx val="5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3-7A59-455D-832D-A2D8A10A1A62}"/>
              </c:ext>
            </c:extLst>
          </c:dPt>
          <c:dPt>
            <c:idx val="5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5-7A59-455D-832D-A2D8A10A1A62}"/>
              </c:ext>
            </c:extLst>
          </c:dPt>
          <c:dPt>
            <c:idx val="5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7-7A59-455D-832D-A2D8A10A1A62}"/>
              </c:ext>
            </c:extLst>
          </c:dPt>
          <c:dPt>
            <c:idx val="6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9-7A59-455D-832D-A2D8A10A1A62}"/>
              </c:ext>
            </c:extLst>
          </c:dPt>
          <c:dPt>
            <c:idx val="6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B-7A59-455D-832D-A2D8A10A1A62}"/>
              </c:ext>
            </c:extLst>
          </c:dPt>
          <c:dPt>
            <c:idx val="6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D-7A59-455D-832D-A2D8A10A1A62}"/>
              </c:ext>
            </c:extLst>
          </c:dPt>
          <c:dPt>
            <c:idx val="6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F-7A59-455D-832D-A2D8A10A1A62}"/>
              </c:ext>
            </c:extLst>
          </c:dPt>
          <c:dPt>
            <c:idx val="6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1-7A59-455D-832D-A2D8A10A1A62}"/>
              </c:ext>
            </c:extLst>
          </c:dPt>
          <c:dPt>
            <c:idx val="6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3-7A59-455D-832D-A2D8A10A1A62}"/>
              </c:ext>
            </c:extLst>
          </c:dPt>
          <c:dPt>
            <c:idx val="6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5-7A59-455D-832D-A2D8A10A1A62}"/>
              </c:ext>
            </c:extLst>
          </c:dPt>
          <c:dPt>
            <c:idx val="6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7-7A59-455D-832D-A2D8A10A1A62}"/>
              </c:ext>
            </c:extLst>
          </c:dPt>
          <c:dPt>
            <c:idx val="6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9-7A59-455D-832D-A2D8A10A1A62}"/>
              </c:ext>
            </c:extLst>
          </c:dPt>
          <c:dPt>
            <c:idx val="6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B-7A59-455D-832D-A2D8A10A1A62}"/>
              </c:ext>
            </c:extLst>
          </c:dPt>
          <c:dPt>
            <c:idx val="7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D-7A59-455D-832D-A2D8A10A1A62}"/>
              </c:ext>
            </c:extLst>
          </c:dPt>
          <c:dPt>
            <c:idx val="7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F-7A59-455D-832D-A2D8A10A1A62}"/>
              </c:ext>
            </c:extLst>
          </c:dPt>
          <c:dPt>
            <c:idx val="72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1-7A59-455D-832D-A2D8A10A1A62}"/>
              </c:ext>
            </c:extLst>
          </c:dPt>
          <c:dPt>
            <c:idx val="73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3-7A59-455D-832D-A2D8A10A1A62}"/>
              </c:ext>
            </c:extLst>
          </c:dPt>
          <c:dPt>
            <c:idx val="74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5-7A59-455D-832D-A2D8A10A1A62}"/>
              </c:ext>
            </c:extLst>
          </c:dPt>
          <c:dPt>
            <c:idx val="7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7-7A59-455D-832D-A2D8A10A1A62}"/>
              </c:ext>
            </c:extLst>
          </c:dPt>
          <c:dPt>
            <c:idx val="7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9-7A59-455D-832D-A2D8A10A1A62}"/>
              </c:ext>
            </c:extLst>
          </c:dPt>
          <c:dPt>
            <c:idx val="7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B-7A59-455D-832D-A2D8A10A1A62}"/>
              </c:ext>
            </c:extLst>
          </c:dPt>
          <c:dPt>
            <c:idx val="7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D-7A59-455D-832D-A2D8A10A1A62}"/>
              </c:ext>
            </c:extLst>
          </c:dPt>
          <c:dPt>
            <c:idx val="7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F-7A59-455D-832D-A2D8A10A1A62}"/>
              </c:ext>
            </c:extLst>
          </c:dPt>
          <c:dPt>
            <c:idx val="8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1-7A59-455D-832D-A2D8A10A1A62}"/>
              </c:ext>
            </c:extLst>
          </c:dPt>
          <c:dPt>
            <c:idx val="8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3-7A59-455D-832D-A2D8A10A1A62}"/>
              </c:ext>
            </c:extLst>
          </c:dPt>
          <c:dPt>
            <c:idx val="82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5-7A59-455D-832D-A2D8A10A1A62}"/>
              </c:ext>
            </c:extLst>
          </c:dPt>
          <c:dPt>
            <c:idx val="83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7-7A59-455D-832D-A2D8A10A1A62}"/>
              </c:ext>
            </c:extLst>
          </c:dPt>
          <c:dPt>
            <c:idx val="84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9-7A59-455D-832D-A2D8A10A1A62}"/>
              </c:ext>
            </c:extLst>
          </c:dPt>
          <c:dPt>
            <c:idx val="8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B-7A59-455D-832D-A2D8A10A1A62}"/>
              </c:ext>
            </c:extLst>
          </c:dPt>
          <c:dPt>
            <c:idx val="8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D-7A59-455D-832D-A2D8A10A1A62}"/>
              </c:ext>
            </c:extLst>
          </c:dPt>
          <c:dPt>
            <c:idx val="8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F-7A59-455D-832D-A2D8A10A1A62}"/>
              </c:ext>
            </c:extLst>
          </c:dPt>
          <c:dPt>
            <c:idx val="8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1-7A59-455D-832D-A2D8A10A1A62}"/>
              </c:ext>
            </c:extLst>
          </c:dPt>
          <c:dPt>
            <c:idx val="8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3-7A59-455D-832D-A2D8A10A1A62}"/>
              </c:ext>
            </c:extLst>
          </c:dPt>
          <c:dPt>
            <c:idx val="9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5-7A59-455D-832D-A2D8A10A1A62}"/>
              </c:ext>
            </c:extLst>
          </c:dPt>
          <c:dPt>
            <c:idx val="9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7-7A59-455D-832D-A2D8A10A1A62}"/>
              </c:ext>
            </c:extLst>
          </c:dPt>
          <c:dPt>
            <c:idx val="92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9-7A59-455D-832D-A2D8A10A1A62}"/>
              </c:ext>
            </c:extLst>
          </c:dPt>
          <c:dPt>
            <c:idx val="93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B-7A59-455D-832D-A2D8A10A1A62}"/>
              </c:ext>
            </c:extLst>
          </c:dPt>
          <c:dPt>
            <c:idx val="94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D-7A59-455D-832D-A2D8A10A1A62}"/>
              </c:ext>
            </c:extLst>
          </c:dPt>
          <c:dPt>
            <c:idx val="9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F-7A59-455D-832D-A2D8A10A1A62}"/>
              </c:ext>
            </c:extLst>
          </c:dPt>
          <c:dPt>
            <c:idx val="9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1-7A59-455D-832D-A2D8A10A1A62}"/>
              </c:ext>
            </c:extLst>
          </c:dPt>
          <c:dPt>
            <c:idx val="9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3-7A59-455D-832D-A2D8A10A1A62}"/>
              </c:ext>
            </c:extLst>
          </c:dPt>
          <c:dPt>
            <c:idx val="9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5-7A59-455D-832D-A2D8A10A1A62}"/>
              </c:ext>
            </c:extLst>
          </c:dPt>
          <c:dPt>
            <c:idx val="9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7-7A59-455D-832D-A2D8A10A1A62}"/>
              </c:ext>
            </c:extLst>
          </c:dPt>
          <c:dPt>
            <c:idx val="10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9-7A59-455D-832D-A2D8A10A1A62}"/>
              </c:ext>
            </c:extLst>
          </c:dPt>
          <c:dPt>
            <c:idx val="10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B-7A59-455D-832D-A2D8A10A1A62}"/>
              </c:ext>
            </c:extLst>
          </c:dPt>
          <c:cat>
            <c:strRef>
              <c:f>[1]ピラミッドのデータ!$C$3:$C$104</c:f>
              <c:strCache>
                <c:ptCount val="102"/>
                <c:pt idx="0">
                  <c:v>   　0</c:v>
                </c:pt>
                <c:pt idx="1">
                  <c:v>   　1</c:v>
                </c:pt>
                <c:pt idx="2">
                  <c:v>   　2</c:v>
                </c:pt>
                <c:pt idx="3">
                  <c:v>   　3</c:v>
                </c:pt>
                <c:pt idx="4">
                  <c:v>   　4</c:v>
                </c:pt>
                <c:pt idx="5">
                  <c:v>   　5</c:v>
                </c:pt>
                <c:pt idx="6">
                  <c:v>   　6</c:v>
                </c:pt>
                <c:pt idx="7">
                  <c:v>   　7</c:v>
                </c:pt>
                <c:pt idx="8">
                  <c:v>   　8</c:v>
                </c:pt>
                <c:pt idx="9">
                  <c:v>   　9</c:v>
                </c:pt>
                <c:pt idx="10">
                  <c:v>  　10</c:v>
                </c:pt>
                <c:pt idx="11">
                  <c:v>  　11</c:v>
                </c:pt>
                <c:pt idx="12">
                  <c:v>  　12</c:v>
                </c:pt>
                <c:pt idx="13">
                  <c:v>  　13</c:v>
                </c:pt>
                <c:pt idx="14">
                  <c:v>  　14</c:v>
                </c:pt>
                <c:pt idx="15">
                  <c:v>  　15</c:v>
                </c:pt>
                <c:pt idx="16">
                  <c:v>  　16</c:v>
                </c:pt>
                <c:pt idx="17">
                  <c:v>  　17</c:v>
                </c:pt>
                <c:pt idx="18">
                  <c:v>  　18</c:v>
                </c:pt>
                <c:pt idx="19">
                  <c:v>  　19</c:v>
                </c:pt>
                <c:pt idx="20">
                  <c:v>  　20</c:v>
                </c:pt>
                <c:pt idx="21">
                  <c:v>  　21</c:v>
                </c:pt>
                <c:pt idx="22">
                  <c:v>  　22</c:v>
                </c:pt>
                <c:pt idx="23">
                  <c:v>  　23</c:v>
                </c:pt>
                <c:pt idx="24">
                  <c:v>  　24</c:v>
                </c:pt>
                <c:pt idx="25">
                  <c:v>  　25</c:v>
                </c:pt>
                <c:pt idx="26">
                  <c:v>  　26</c:v>
                </c:pt>
                <c:pt idx="27">
                  <c:v>  　27</c:v>
                </c:pt>
                <c:pt idx="28">
                  <c:v>  　28</c:v>
                </c:pt>
                <c:pt idx="29">
                  <c:v>  　29</c:v>
                </c:pt>
                <c:pt idx="30">
                  <c:v>  　30</c:v>
                </c:pt>
                <c:pt idx="31">
                  <c:v>  　31</c:v>
                </c:pt>
                <c:pt idx="32">
                  <c:v>  　32</c:v>
                </c:pt>
                <c:pt idx="33">
                  <c:v>  　33</c:v>
                </c:pt>
                <c:pt idx="34">
                  <c:v>  　34</c:v>
                </c:pt>
                <c:pt idx="35">
                  <c:v>  　35</c:v>
                </c:pt>
                <c:pt idx="36">
                  <c:v>  　36</c:v>
                </c:pt>
                <c:pt idx="37">
                  <c:v>  　37</c:v>
                </c:pt>
                <c:pt idx="38">
                  <c:v>  　38</c:v>
                </c:pt>
                <c:pt idx="39">
                  <c:v>  　39</c:v>
                </c:pt>
                <c:pt idx="40">
                  <c:v>  　40</c:v>
                </c:pt>
                <c:pt idx="41">
                  <c:v>  　41</c:v>
                </c:pt>
                <c:pt idx="42">
                  <c:v>  　42</c:v>
                </c:pt>
                <c:pt idx="43">
                  <c:v>  　43</c:v>
                </c:pt>
                <c:pt idx="44">
                  <c:v>  　44</c:v>
                </c:pt>
                <c:pt idx="45">
                  <c:v>  　45</c:v>
                </c:pt>
                <c:pt idx="46">
                  <c:v>  　46</c:v>
                </c:pt>
                <c:pt idx="47">
                  <c:v>  　47</c:v>
                </c:pt>
                <c:pt idx="48">
                  <c:v>  　48</c:v>
                </c:pt>
                <c:pt idx="49">
                  <c:v>  　49</c:v>
                </c:pt>
                <c:pt idx="50">
                  <c:v>  　50</c:v>
                </c:pt>
                <c:pt idx="51">
                  <c:v>  　51</c:v>
                </c:pt>
                <c:pt idx="52">
                  <c:v>  　52</c:v>
                </c:pt>
                <c:pt idx="53">
                  <c:v>  　53</c:v>
                </c:pt>
                <c:pt idx="54">
                  <c:v>  　54</c:v>
                </c:pt>
                <c:pt idx="55">
                  <c:v>  　55</c:v>
                </c:pt>
                <c:pt idx="56">
                  <c:v>  　56</c:v>
                </c:pt>
                <c:pt idx="57">
                  <c:v>  　57</c:v>
                </c:pt>
                <c:pt idx="58">
                  <c:v>  　58</c:v>
                </c:pt>
                <c:pt idx="59">
                  <c:v>  　59</c:v>
                </c:pt>
                <c:pt idx="60">
                  <c:v>  　60</c:v>
                </c:pt>
                <c:pt idx="61">
                  <c:v>  　61</c:v>
                </c:pt>
                <c:pt idx="62">
                  <c:v>  　62</c:v>
                </c:pt>
                <c:pt idx="63">
                  <c:v>  　63</c:v>
                </c:pt>
                <c:pt idx="64">
                  <c:v>  　64</c:v>
                </c:pt>
                <c:pt idx="65">
                  <c:v>  　65</c:v>
                </c:pt>
                <c:pt idx="66">
                  <c:v>  　66</c:v>
                </c:pt>
                <c:pt idx="67">
                  <c:v>  　67</c:v>
                </c:pt>
                <c:pt idx="68">
                  <c:v>  　68</c:v>
                </c:pt>
                <c:pt idx="69">
                  <c:v>  　69</c:v>
                </c:pt>
                <c:pt idx="70">
                  <c:v>  　70</c:v>
                </c:pt>
                <c:pt idx="71">
                  <c:v>  　71</c:v>
                </c:pt>
                <c:pt idx="72">
                  <c:v>  　72</c:v>
                </c:pt>
                <c:pt idx="73">
                  <c:v>  　73</c:v>
                </c:pt>
                <c:pt idx="74">
                  <c:v>  　74</c:v>
                </c:pt>
                <c:pt idx="75">
                  <c:v>  　75</c:v>
                </c:pt>
                <c:pt idx="76">
                  <c:v>  　76</c:v>
                </c:pt>
                <c:pt idx="77">
                  <c:v>  　77</c:v>
                </c:pt>
                <c:pt idx="78">
                  <c:v>  　78</c:v>
                </c:pt>
                <c:pt idx="79">
                  <c:v>  　79</c:v>
                </c:pt>
                <c:pt idx="80">
                  <c:v>  　80</c:v>
                </c:pt>
                <c:pt idx="81">
                  <c:v>  　81</c:v>
                </c:pt>
                <c:pt idx="82">
                  <c:v>  　82</c:v>
                </c:pt>
                <c:pt idx="83">
                  <c:v>  　83</c:v>
                </c:pt>
                <c:pt idx="84">
                  <c:v>  　84</c:v>
                </c:pt>
                <c:pt idx="85">
                  <c:v>  　85</c:v>
                </c:pt>
                <c:pt idx="86">
                  <c:v>  　86</c:v>
                </c:pt>
                <c:pt idx="87">
                  <c:v>  　87</c:v>
                </c:pt>
                <c:pt idx="88">
                  <c:v>  　88</c:v>
                </c:pt>
                <c:pt idx="89">
                  <c:v>  　89</c:v>
                </c:pt>
                <c:pt idx="90">
                  <c:v>  　90</c:v>
                </c:pt>
                <c:pt idx="91">
                  <c:v>  　91</c:v>
                </c:pt>
                <c:pt idx="92">
                  <c:v>  　92</c:v>
                </c:pt>
                <c:pt idx="93">
                  <c:v>  　93</c:v>
                </c:pt>
                <c:pt idx="94">
                  <c:v>  　94</c:v>
                </c:pt>
                <c:pt idx="95">
                  <c:v>  　95</c:v>
                </c:pt>
                <c:pt idx="96">
                  <c:v>  　96</c:v>
                </c:pt>
                <c:pt idx="97">
                  <c:v>  　97</c:v>
                </c:pt>
                <c:pt idx="98">
                  <c:v>  　98</c:v>
                </c:pt>
                <c:pt idx="99">
                  <c:v>  　99</c:v>
                </c:pt>
                <c:pt idx="100">
                  <c:v>   100</c:v>
                </c:pt>
                <c:pt idx="101">
                  <c:v>   101-</c:v>
                </c:pt>
              </c:strCache>
            </c:strRef>
          </c:cat>
          <c:val>
            <c:numRef>
              <c:f>[1]ピラミッドのデータ!$D$3:$D$105</c:f>
              <c:numCache>
                <c:formatCode>#,##0</c:formatCode>
                <c:ptCount val="103"/>
                <c:pt idx="0">
                  <c:v>-1167</c:v>
                </c:pt>
                <c:pt idx="1">
                  <c:v>-1176</c:v>
                </c:pt>
                <c:pt idx="2">
                  <c:v>-1266</c:v>
                </c:pt>
                <c:pt idx="3">
                  <c:v>-1338</c:v>
                </c:pt>
                <c:pt idx="4">
                  <c:v>-1355</c:v>
                </c:pt>
                <c:pt idx="5">
                  <c:v>-1432</c:v>
                </c:pt>
                <c:pt idx="6">
                  <c:v>-1478</c:v>
                </c:pt>
                <c:pt idx="7">
                  <c:v>-1525</c:v>
                </c:pt>
                <c:pt idx="8">
                  <c:v>-1581</c:v>
                </c:pt>
                <c:pt idx="9">
                  <c:v>-1661</c:v>
                </c:pt>
                <c:pt idx="10">
                  <c:v>-1647</c:v>
                </c:pt>
                <c:pt idx="11">
                  <c:v>-1577</c:v>
                </c:pt>
                <c:pt idx="12">
                  <c:v>-1670</c:v>
                </c:pt>
                <c:pt idx="13">
                  <c:v>-1713</c:v>
                </c:pt>
                <c:pt idx="14">
                  <c:v>-1754</c:v>
                </c:pt>
                <c:pt idx="15">
                  <c:v>-1778</c:v>
                </c:pt>
                <c:pt idx="16">
                  <c:v>-1786</c:v>
                </c:pt>
                <c:pt idx="17">
                  <c:v>-1843</c:v>
                </c:pt>
                <c:pt idx="18">
                  <c:v>-1805</c:v>
                </c:pt>
                <c:pt idx="19">
                  <c:v>-1930</c:v>
                </c:pt>
                <c:pt idx="20">
                  <c:v>-2005</c:v>
                </c:pt>
                <c:pt idx="21">
                  <c:v>-2089</c:v>
                </c:pt>
                <c:pt idx="22">
                  <c:v>-2073</c:v>
                </c:pt>
                <c:pt idx="23">
                  <c:v>-2277</c:v>
                </c:pt>
                <c:pt idx="24">
                  <c:v>-2211</c:v>
                </c:pt>
                <c:pt idx="25">
                  <c:v>-2263</c:v>
                </c:pt>
                <c:pt idx="26">
                  <c:v>-2121</c:v>
                </c:pt>
                <c:pt idx="27">
                  <c:v>-2178</c:v>
                </c:pt>
                <c:pt idx="28">
                  <c:v>-2148</c:v>
                </c:pt>
                <c:pt idx="29">
                  <c:v>-2202</c:v>
                </c:pt>
                <c:pt idx="30">
                  <c:v>-2270</c:v>
                </c:pt>
                <c:pt idx="31">
                  <c:v>-2115</c:v>
                </c:pt>
                <c:pt idx="32">
                  <c:v>-2044</c:v>
                </c:pt>
                <c:pt idx="33">
                  <c:v>-2017</c:v>
                </c:pt>
                <c:pt idx="34">
                  <c:v>-2032</c:v>
                </c:pt>
                <c:pt idx="35">
                  <c:v>-2113</c:v>
                </c:pt>
                <c:pt idx="36">
                  <c:v>-2182</c:v>
                </c:pt>
                <c:pt idx="37">
                  <c:v>-2173</c:v>
                </c:pt>
                <c:pt idx="38">
                  <c:v>-2140</c:v>
                </c:pt>
                <c:pt idx="39">
                  <c:v>-2300</c:v>
                </c:pt>
                <c:pt idx="40">
                  <c:v>-2376</c:v>
                </c:pt>
                <c:pt idx="41">
                  <c:v>-2454</c:v>
                </c:pt>
                <c:pt idx="42">
                  <c:v>-2458</c:v>
                </c:pt>
                <c:pt idx="43">
                  <c:v>-2524</c:v>
                </c:pt>
                <c:pt idx="44">
                  <c:v>-2411</c:v>
                </c:pt>
                <c:pt idx="45">
                  <c:v>-2564</c:v>
                </c:pt>
                <c:pt idx="46">
                  <c:v>-2648</c:v>
                </c:pt>
                <c:pt idx="47">
                  <c:v>-2995</c:v>
                </c:pt>
                <c:pt idx="48">
                  <c:v>-2947</c:v>
                </c:pt>
                <c:pt idx="49">
                  <c:v>-3179</c:v>
                </c:pt>
                <c:pt idx="50">
                  <c:v>-3338</c:v>
                </c:pt>
                <c:pt idx="51">
                  <c:v>-3476</c:v>
                </c:pt>
                <c:pt idx="52">
                  <c:v>-3542</c:v>
                </c:pt>
                <c:pt idx="53">
                  <c:v>-3494</c:v>
                </c:pt>
                <c:pt idx="54">
                  <c:v>-3269</c:v>
                </c:pt>
                <c:pt idx="55">
                  <c:v>-3142</c:v>
                </c:pt>
                <c:pt idx="56">
                  <c:v>-3123</c:v>
                </c:pt>
                <c:pt idx="57">
                  <c:v>-2878</c:v>
                </c:pt>
                <c:pt idx="58">
                  <c:v>-2856</c:v>
                </c:pt>
                <c:pt idx="59">
                  <c:v>-2114</c:v>
                </c:pt>
                <c:pt idx="60">
                  <c:v>-2607</c:v>
                </c:pt>
                <c:pt idx="61">
                  <c:v>-2504</c:v>
                </c:pt>
                <c:pt idx="62">
                  <c:v>-2534</c:v>
                </c:pt>
                <c:pt idx="63">
                  <c:v>-2230</c:v>
                </c:pt>
                <c:pt idx="64">
                  <c:v>-2243</c:v>
                </c:pt>
                <c:pt idx="65">
                  <c:v>-2332</c:v>
                </c:pt>
                <c:pt idx="66">
                  <c:v>-2227</c:v>
                </c:pt>
                <c:pt idx="67">
                  <c:v>-2161</c:v>
                </c:pt>
                <c:pt idx="68">
                  <c:v>-2115</c:v>
                </c:pt>
                <c:pt idx="69">
                  <c:v>-2172</c:v>
                </c:pt>
                <c:pt idx="70">
                  <c:v>-2371</c:v>
                </c:pt>
                <c:pt idx="71">
                  <c:v>-2283</c:v>
                </c:pt>
                <c:pt idx="72">
                  <c:v>-2439</c:v>
                </c:pt>
                <c:pt idx="73">
                  <c:v>-2422</c:v>
                </c:pt>
                <c:pt idx="74">
                  <c:v>-2460</c:v>
                </c:pt>
                <c:pt idx="75">
                  <c:v>-2742</c:v>
                </c:pt>
                <c:pt idx="76">
                  <c:v>-3059</c:v>
                </c:pt>
                <c:pt idx="77">
                  <c:v>-2982</c:v>
                </c:pt>
                <c:pt idx="78">
                  <c:v>-3044</c:v>
                </c:pt>
                <c:pt idx="79">
                  <c:v>-1534</c:v>
                </c:pt>
                <c:pt idx="80">
                  <c:v>-1608</c:v>
                </c:pt>
                <c:pt idx="81">
                  <c:v>-1945</c:v>
                </c:pt>
                <c:pt idx="82">
                  <c:v>-1718</c:v>
                </c:pt>
                <c:pt idx="83">
                  <c:v>-1789</c:v>
                </c:pt>
                <c:pt idx="84">
                  <c:v>-1532</c:v>
                </c:pt>
                <c:pt idx="85">
                  <c:v>-1318</c:v>
                </c:pt>
                <c:pt idx="86">
                  <c:v>-987</c:v>
                </c:pt>
                <c:pt idx="87">
                  <c:v>-901</c:v>
                </c:pt>
                <c:pt idx="88">
                  <c:v>-872</c:v>
                </c:pt>
                <c:pt idx="89">
                  <c:v>-767</c:v>
                </c:pt>
                <c:pt idx="90">
                  <c:v>-566</c:v>
                </c:pt>
                <c:pt idx="91">
                  <c:v>-484</c:v>
                </c:pt>
                <c:pt idx="92">
                  <c:v>-349</c:v>
                </c:pt>
                <c:pt idx="93">
                  <c:v>-265</c:v>
                </c:pt>
                <c:pt idx="94">
                  <c:v>-217</c:v>
                </c:pt>
                <c:pt idx="95">
                  <c:v>-148</c:v>
                </c:pt>
                <c:pt idx="96">
                  <c:v>-105</c:v>
                </c:pt>
                <c:pt idx="97">
                  <c:v>-73</c:v>
                </c:pt>
                <c:pt idx="98">
                  <c:v>-48</c:v>
                </c:pt>
                <c:pt idx="99">
                  <c:v>-37</c:v>
                </c:pt>
                <c:pt idx="100">
                  <c:v>-11</c:v>
                </c:pt>
                <c:pt idx="101">
                  <c:v>-17</c:v>
                </c:pt>
                <c:pt idx="102" formatCode="#,##0_ 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CC-7A59-455D-832D-A2D8A10A1A6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overlap val="100"/>
        <c:axId val="1"/>
        <c:axId val="2"/>
      </c:barChart>
      <c:cat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@" sourceLinked="0"/>
        <c:majorTickMark val="none"/>
        <c:minorTickMark val="none"/>
        <c:tickLblPos val="high"/>
        <c:spPr>
          <a:ln w="3175">
            <a:solidFill>
              <a:srgbClr val="000000"/>
            </a:solidFill>
            <a:prstDash val="solid"/>
          </a:ln>
        </c:spPr>
        <c:txPr>
          <a:bodyPr rot="0" horzOverflow="overflow" anchor="ctr" anchorCtr="1"/>
          <a:lstStyle/>
          <a:p>
            <a:pPr algn="ctr" rtl="0">
              <a:defRPr kumimoji="0" sz="1100" kern="1200">
                <a:solidFill>
                  <a:srgbClr val="000000"/>
                </a:solidFill>
              </a:defRPr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0"/>
        <c:tickMarkSkip val="10"/>
        <c:noMultiLvlLbl val="0"/>
      </c:catAx>
      <c:valAx>
        <c:axId val="2"/>
        <c:scaling>
          <c:orientation val="minMax"/>
          <c:min val="-5000"/>
        </c:scaling>
        <c:delete val="0"/>
        <c:axPos val="b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#,##0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horzOverflow="overflow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1"/>
        <c:crosses val="autoZero"/>
        <c:crossBetween val="between"/>
        <c:majorUnit val="1000"/>
      </c:valAx>
      <c:spPr>
        <a:solidFill>
          <a:srgbClr val="CCCCFF"/>
        </a:solidFill>
        <a:ln w="3175">
          <a:solidFill>
            <a:srgbClr val="FFFF99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/>
          <a:ea typeface="BIZ UDゴシック"/>
          <a:cs typeface="ＭＳ Ｐゴシック"/>
        </a:defRPr>
      </a:pPr>
      <a:endParaRPr lang="ja-JP"/>
    </a:p>
  </c:txPr>
  <c:printSettings>
    <c:headerFooter alignWithMargins="0">
      <c:oddHeader>&amp;C&amp;A</c:oddHeader>
      <c:oddFooter>&amp;CPage &amp;P</c:oddFooter>
    </c:headerFooter>
    <c:pageMargins b="1" l="0.75" r="0.75" t="1" header="0.5" footer="0.5"/>
    <c:pageSetup paperSize="12" orientation="portrait" horizontalDpi="300" verticalDpi="300"/>
  </c:printSettings>
  <c:extLst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6.9825436408977551E-2"/>
          <c:y val="9.3776719163535648E-3"/>
          <c:w val="0.82294264339152123"/>
          <c:h val="0.95396498858178536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dPt>
            <c:idx val="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1-7C11-4739-A756-BEA949A5B898}"/>
              </c:ext>
            </c:extLst>
          </c:dPt>
          <c:dPt>
            <c:idx val="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3-7C11-4739-A756-BEA949A5B898}"/>
              </c:ext>
            </c:extLst>
          </c:dPt>
          <c:dPt>
            <c:idx val="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5-7C11-4739-A756-BEA949A5B898}"/>
              </c:ext>
            </c:extLst>
          </c:dPt>
          <c:dPt>
            <c:idx val="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7-7C11-4739-A756-BEA949A5B898}"/>
              </c:ext>
            </c:extLst>
          </c:dPt>
          <c:dPt>
            <c:idx val="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9-7C11-4739-A756-BEA949A5B898}"/>
              </c:ext>
            </c:extLst>
          </c:dPt>
          <c:dPt>
            <c:idx val="5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B-7C11-4739-A756-BEA949A5B898}"/>
              </c:ext>
            </c:extLst>
          </c:dPt>
          <c:dPt>
            <c:idx val="6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D-7C11-4739-A756-BEA949A5B898}"/>
              </c:ext>
            </c:extLst>
          </c:dPt>
          <c:dPt>
            <c:idx val="7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F-7C11-4739-A756-BEA949A5B898}"/>
              </c:ext>
            </c:extLst>
          </c:dPt>
          <c:dPt>
            <c:idx val="8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7C11-4739-A756-BEA949A5B898}"/>
              </c:ext>
            </c:extLst>
          </c:dPt>
          <c:dPt>
            <c:idx val="9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7C11-4739-A756-BEA949A5B898}"/>
              </c:ext>
            </c:extLst>
          </c:dPt>
          <c:dPt>
            <c:idx val="1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7C11-4739-A756-BEA949A5B898}"/>
              </c:ext>
            </c:extLst>
          </c:dPt>
          <c:dPt>
            <c:idx val="1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7C11-4739-A756-BEA949A5B898}"/>
              </c:ext>
            </c:extLst>
          </c:dPt>
          <c:dPt>
            <c:idx val="1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9-7C11-4739-A756-BEA949A5B898}"/>
              </c:ext>
            </c:extLst>
          </c:dPt>
          <c:dPt>
            <c:idx val="1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B-7C11-4739-A756-BEA949A5B898}"/>
              </c:ext>
            </c:extLst>
          </c:dPt>
          <c:dPt>
            <c:idx val="1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D-7C11-4739-A756-BEA949A5B898}"/>
              </c:ext>
            </c:extLst>
          </c:dPt>
          <c:dPt>
            <c:idx val="1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F-7C11-4739-A756-BEA949A5B898}"/>
              </c:ext>
            </c:extLst>
          </c:dPt>
          <c:dPt>
            <c:idx val="1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1-7C11-4739-A756-BEA949A5B898}"/>
              </c:ext>
            </c:extLst>
          </c:dPt>
          <c:dPt>
            <c:idx val="1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3-7C11-4739-A756-BEA949A5B898}"/>
              </c:ext>
            </c:extLst>
          </c:dPt>
          <c:dPt>
            <c:idx val="1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5-7C11-4739-A756-BEA949A5B898}"/>
              </c:ext>
            </c:extLst>
          </c:dPt>
          <c:dPt>
            <c:idx val="1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7-7C11-4739-A756-BEA949A5B898}"/>
              </c:ext>
            </c:extLst>
          </c:dPt>
          <c:dPt>
            <c:idx val="2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9-7C11-4739-A756-BEA949A5B898}"/>
              </c:ext>
            </c:extLst>
          </c:dPt>
          <c:dPt>
            <c:idx val="2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B-7C11-4739-A756-BEA949A5B898}"/>
              </c:ext>
            </c:extLst>
          </c:dPt>
          <c:dPt>
            <c:idx val="2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D-7C11-4739-A756-BEA949A5B898}"/>
              </c:ext>
            </c:extLst>
          </c:dPt>
          <c:dPt>
            <c:idx val="2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F-7C11-4739-A756-BEA949A5B898}"/>
              </c:ext>
            </c:extLst>
          </c:dPt>
          <c:dPt>
            <c:idx val="2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1-7C11-4739-A756-BEA949A5B898}"/>
              </c:ext>
            </c:extLst>
          </c:dPt>
          <c:dPt>
            <c:idx val="2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3-7C11-4739-A756-BEA949A5B898}"/>
              </c:ext>
            </c:extLst>
          </c:dPt>
          <c:dPt>
            <c:idx val="2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5-7C11-4739-A756-BEA949A5B898}"/>
              </c:ext>
            </c:extLst>
          </c:dPt>
          <c:dPt>
            <c:idx val="2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7-7C11-4739-A756-BEA949A5B898}"/>
              </c:ext>
            </c:extLst>
          </c:dPt>
          <c:dPt>
            <c:idx val="2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9-7C11-4739-A756-BEA949A5B898}"/>
              </c:ext>
            </c:extLst>
          </c:dPt>
          <c:dPt>
            <c:idx val="2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B-7C11-4739-A756-BEA949A5B898}"/>
              </c:ext>
            </c:extLst>
          </c:dPt>
          <c:dPt>
            <c:idx val="3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D-7C11-4739-A756-BEA949A5B898}"/>
              </c:ext>
            </c:extLst>
          </c:dPt>
          <c:dPt>
            <c:idx val="3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F-7C11-4739-A756-BEA949A5B898}"/>
              </c:ext>
            </c:extLst>
          </c:dPt>
          <c:dPt>
            <c:idx val="3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1-7C11-4739-A756-BEA949A5B898}"/>
              </c:ext>
            </c:extLst>
          </c:dPt>
          <c:dPt>
            <c:idx val="3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3-7C11-4739-A756-BEA949A5B898}"/>
              </c:ext>
            </c:extLst>
          </c:dPt>
          <c:dPt>
            <c:idx val="3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5-7C11-4739-A756-BEA949A5B898}"/>
              </c:ext>
            </c:extLst>
          </c:dPt>
          <c:dPt>
            <c:idx val="3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7-7C11-4739-A756-BEA949A5B898}"/>
              </c:ext>
            </c:extLst>
          </c:dPt>
          <c:dPt>
            <c:idx val="3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9-7C11-4739-A756-BEA949A5B898}"/>
              </c:ext>
            </c:extLst>
          </c:dPt>
          <c:dPt>
            <c:idx val="3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B-7C11-4739-A756-BEA949A5B898}"/>
              </c:ext>
            </c:extLst>
          </c:dPt>
          <c:dPt>
            <c:idx val="3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D-7C11-4739-A756-BEA949A5B898}"/>
              </c:ext>
            </c:extLst>
          </c:dPt>
          <c:dPt>
            <c:idx val="3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F-7C11-4739-A756-BEA949A5B898}"/>
              </c:ext>
            </c:extLst>
          </c:dPt>
          <c:dPt>
            <c:idx val="4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1-7C11-4739-A756-BEA949A5B898}"/>
              </c:ext>
            </c:extLst>
          </c:dPt>
          <c:dPt>
            <c:idx val="4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3-7C11-4739-A756-BEA949A5B898}"/>
              </c:ext>
            </c:extLst>
          </c:dPt>
          <c:dPt>
            <c:idx val="4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5-7C11-4739-A756-BEA949A5B898}"/>
              </c:ext>
            </c:extLst>
          </c:dPt>
          <c:dPt>
            <c:idx val="4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7-7C11-4739-A756-BEA949A5B898}"/>
              </c:ext>
            </c:extLst>
          </c:dPt>
          <c:dPt>
            <c:idx val="4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9-7C11-4739-A756-BEA949A5B898}"/>
              </c:ext>
            </c:extLst>
          </c:dPt>
          <c:dPt>
            <c:idx val="4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B-7C11-4739-A756-BEA949A5B898}"/>
              </c:ext>
            </c:extLst>
          </c:dPt>
          <c:dPt>
            <c:idx val="4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D-7C11-4739-A756-BEA949A5B898}"/>
              </c:ext>
            </c:extLst>
          </c:dPt>
          <c:dPt>
            <c:idx val="4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F-7C11-4739-A756-BEA949A5B898}"/>
              </c:ext>
            </c:extLst>
          </c:dPt>
          <c:dPt>
            <c:idx val="4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1-7C11-4739-A756-BEA949A5B898}"/>
              </c:ext>
            </c:extLst>
          </c:dPt>
          <c:dPt>
            <c:idx val="4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3-7C11-4739-A756-BEA949A5B898}"/>
              </c:ext>
            </c:extLst>
          </c:dPt>
          <c:dPt>
            <c:idx val="5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5-7C11-4739-A756-BEA949A5B898}"/>
              </c:ext>
            </c:extLst>
          </c:dPt>
          <c:dPt>
            <c:idx val="5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7-7C11-4739-A756-BEA949A5B898}"/>
              </c:ext>
            </c:extLst>
          </c:dPt>
          <c:dPt>
            <c:idx val="5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9-7C11-4739-A756-BEA949A5B898}"/>
              </c:ext>
            </c:extLst>
          </c:dPt>
          <c:dPt>
            <c:idx val="5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B-7C11-4739-A756-BEA949A5B898}"/>
              </c:ext>
            </c:extLst>
          </c:dPt>
          <c:dPt>
            <c:idx val="5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D-7C11-4739-A756-BEA949A5B898}"/>
              </c:ext>
            </c:extLst>
          </c:dPt>
          <c:dPt>
            <c:idx val="5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F-7C11-4739-A756-BEA949A5B898}"/>
              </c:ext>
            </c:extLst>
          </c:dPt>
          <c:dPt>
            <c:idx val="5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1-7C11-4739-A756-BEA949A5B898}"/>
              </c:ext>
            </c:extLst>
          </c:dPt>
          <c:dPt>
            <c:idx val="5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3-7C11-4739-A756-BEA949A5B898}"/>
              </c:ext>
            </c:extLst>
          </c:dPt>
          <c:dPt>
            <c:idx val="5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5-7C11-4739-A756-BEA949A5B898}"/>
              </c:ext>
            </c:extLst>
          </c:dPt>
          <c:dPt>
            <c:idx val="5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7-7C11-4739-A756-BEA949A5B898}"/>
              </c:ext>
            </c:extLst>
          </c:dPt>
          <c:dPt>
            <c:idx val="6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9-7C11-4739-A756-BEA949A5B898}"/>
              </c:ext>
            </c:extLst>
          </c:dPt>
          <c:dPt>
            <c:idx val="6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B-7C11-4739-A756-BEA949A5B898}"/>
              </c:ext>
            </c:extLst>
          </c:dPt>
          <c:dPt>
            <c:idx val="6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D-7C11-4739-A756-BEA949A5B898}"/>
              </c:ext>
            </c:extLst>
          </c:dPt>
          <c:dPt>
            <c:idx val="6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F-7C11-4739-A756-BEA949A5B898}"/>
              </c:ext>
            </c:extLst>
          </c:dPt>
          <c:dPt>
            <c:idx val="6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1-7C11-4739-A756-BEA949A5B898}"/>
              </c:ext>
            </c:extLst>
          </c:dPt>
          <c:cat>
            <c:strRef>
              <c:f>[1]ピラミッドのデータ!$A$3:$A$105</c:f>
              <c:strCache>
                <c:ptCount val="102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   101-</c:v>
                </c:pt>
              </c:strCache>
            </c:strRef>
          </c:cat>
          <c:val>
            <c:numRef>
              <c:f>[1]ピラミッドのデータ!$E$3:$E$105</c:f>
              <c:numCache>
                <c:formatCode>#,##0_);[Red]\(#,##0\)</c:formatCode>
                <c:ptCount val="103"/>
                <c:pt idx="0">
                  <c:v>1109</c:v>
                </c:pt>
                <c:pt idx="1">
                  <c:v>1159</c:v>
                </c:pt>
                <c:pt idx="2">
                  <c:v>1227</c:v>
                </c:pt>
                <c:pt idx="3">
                  <c:v>1266</c:v>
                </c:pt>
                <c:pt idx="4">
                  <c:v>1338</c:v>
                </c:pt>
                <c:pt idx="5">
                  <c:v>1374</c:v>
                </c:pt>
                <c:pt idx="6">
                  <c:v>1427</c:v>
                </c:pt>
                <c:pt idx="7">
                  <c:v>1480</c:v>
                </c:pt>
                <c:pt idx="8">
                  <c:v>1485</c:v>
                </c:pt>
                <c:pt idx="9">
                  <c:v>1584</c:v>
                </c:pt>
                <c:pt idx="10">
                  <c:v>1550</c:v>
                </c:pt>
                <c:pt idx="11">
                  <c:v>1565</c:v>
                </c:pt>
                <c:pt idx="12">
                  <c:v>1622</c:v>
                </c:pt>
                <c:pt idx="13">
                  <c:v>1613</c:v>
                </c:pt>
                <c:pt idx="14">
                  <c:v>1656</c:v>
                </c:pt>
                <c:pt idx="15">
                  <c:v>1687</c:v>
                </c:pt>
                <c:pt idx="16">
                  <c:v>1657</c:v>
                </c:pt>
                <c:pt idx="17">
                  <c:v>1806</c:v>
                </c:pt>
                <c:pt idx="18">
                  <c:v>1747</c:v>
                </c:pt>
                <c:pt idx="19">
                  <c:v>1777</c:v>
                </c:pt>
                <c:pt idx="20">
                  <c:v>1804</c:v>
                </c:pt>
                <c:pt idx="21">
                  <c:v>1943</c:v>
                </c:pt>
                <c:pt idx="22">
                  <c:v>1847</c:v>
                </c:pt>
                <c:pt idx="23">
                  <c:v>1900</c:v>
                </c:pt>
                <c:pt idx="24">
                  <c:v>1866</c:v>
                </c:pt>
                <c:pt idx="25">
                  <c:v>1850</c:v>
                </c:pt>
                <c:pt idx="26">
                  <c:v>1940</c:v>
                </c:pt>
                <c:pt idx="27">
                  <c:v>1867</c:v>
                </c:pt>
                <c:pt idx="28">
                  <c:v>1881</c:v>
                </c:pt>
                <c:pt idx="29">
                  <c:v>1918</c:v>
                </c:pt>
                <c:pt idx="30">
                  <c:v>1903</c:v>
                </c:pt>
                <c:pt idx="31">
                  <c:v>1825</c:v>
                </c:pt>
                <c:pt idx="32">
                  <c:v>1864</c:v>
                </c:pt>
                <c:pt idx="33">
                  <c:v>1810</c:v>
                </c:pt>
                <c:pt idx="34">
                  <c:v>1814</c:v>
                </c:pt>
                <c:pt idx="35">
                  <c:v>1872</c:v>
                </c:pt>
                <c:pt idx="36">
                  <c:v>1889</c:v>
                </c:pt>
                <c:pt idx="37">
                  <c:v>1910</c:v>
                </c:pt>
                <c:pt idx="38">
                  <c:v>2055</c:v>
                </c:pt>
                <c:pt idx="39">
                  <c:v>2139</c:v>
                </c:pt>
                <c:pt idx="40">
                  <c:v>2284</c:v>
                </c:pt>
                <c:pt idx="41">
                  <c:v>2222</c:v>
                </c:pt>
                <c:pt idx="42">
                  <c:v>2173</c:v>
                </c:pt>
                <c:pt idx="43">
                  <c:v>2351</c:v>
                </c:pt>
                <c:pt idx="44">
                  <c:v>2359</c:v>
                </c:pt>
                <c:pt idx="45">
                  <c:v>2431</c:v>
                </c:pt>
                <c:pt idx="46">
                  <c:v>2595</c:v>
                </c:pt>
                <c:pt idx="47">
                  <c:v>2656</c:v>
                </c:pt>
                <c:pt idx="48">
                  <c:v>2792</c:v>
                </c:pt>
                <c:pt idx="49">
                  <c:v>2879</c:v>
                </c:pt>
                <c:pt idx="50">
                  <c:v>3271</c:v>
                </c:pt>
                <c:pt idx="51">
                  <c:v>3359</c:v>
                </c:pt>
                <c:pt idx="52">
                  <c:v>3398</c:v>
                </c:pt>
                <c:pt idx="53">
                  <c:v>3361</c:v>
                </c:pt>
                <c:pt idx="54">
                  <c:v>3226</c:v>
                </c:pt>
                <c:pt idx="55">
                  <c:v>2936</c:v>
                </c:pt>
                <c:pt idx="56">
                  <c:v>2918</c:v>
                </c:pt>
                <c:pt idx="57">
                  <c:v>2881</c:v>
                </c:pt>
                <c:pt idx="58">
                  <c:v>2838</c:v>
                </c:pt>
                <c:pt idx="59">
                  <c:v>2160</c:v>
                </c:pt>
                <c:pt idx="60">
                  <c:v>2728</c:v>
                </c:pt>
                <c:pt idx="61">
                  <c:v>2514</c:v>
                </c:pt>
                <c:pt idx="62">
                  <c:v>2509</c:v>
                </c:pt>
                <c:pt idx="63">
                  <c:v>2260</c:v>
                </c:pt>
                <c:pt idx="64">
                  <c:v>2448</c:v>
                </c:pt>
                <c:pt idx="65">
                  <c:v>2388</c:v>
                </c:pt>
                <c:pt idx="66">
                  <c:v>2430</c:v>
                </c:pt>
                <c:pt idx="67">
                  <c:v>2326</c:v>
                </c:pt>
                <c:pt idx="68">
                  <c:v>2224</c:v>
                </c:pt>
                <c:pt idx="69">
                  <c:v>2404</c:v>
                </c:pt>
                <c:pt idx="70">
                  <c:v>2618</c:v>
                </c:pt>
                <c:pt idx="71">
                  <c:v>2486</c:v>
                </c:pt>
                <c:pt idx="72">
                  <c:v>2772</c:v>
                </c:pt>
                <c:pt idx="73">
                  <c:v>2707</c:v>
                </c:pt>
                <c:pt idx="74">
                  <c:v>2907</c:v>
                </c:pt>
                <c:pt idx="75">
                  <c:v>3291</c:v>
                </c:pt>
                <c:pt idx="76">
                  <c:v>3556</c:v>
                </c:pt>
                <c:pt idx="77">
                  <c:v>3633</c:v>
                </c:pt>
                <c:pt idx="78">
                  <c:v>3929</c:v>
                </c:pt>
                <c:pt idx="79">
                  <c:v>1933</c:v>
                </c:pt>
                <c:pt idx="80">
                  <c:v>2140</c:v>
                </c:pt>
                <c:pt idx="81">
                  <c:v>2780</c:v>
                </c:pt>
                <c:pt idx="82">
                  <c:v>2507</c:v>
                </c:pt>
                <c:pt idx="83">
                  <c:v>2672</c:v>
                </c:pt>
                <c:pt idx="84">
                  <c:v>2330</c:v>
                </c:pt>
                <c:pt idx="85">
                  <c:v>1992</c:v>
                </c:pt>
                <c:pt idx="86">
                  <c:v>1595</c:v>
                </c:pt>
                <c:pt idx="87">
                  <c:v>1571</c:v>
                </c:pt>
                <c:pt idx="88">
                  <c:v>1638</c:v>
                </c:pt>
                <c:pt idx="89">
                  <c:v>1700</c:v>
                </c:pt>
                <c:pt idx="90">
                  <c:v>1193</c:v>
                </c:pt>
                <c:pt idx="91">
                  <c:v>1247</c:v>
                </c:pt>
                <c:pt idx="92">
                  <c:v>1152</c:v>
                </c:pt>
                <c:pt idx="93">
                  <c:v>968</c:v>
                </c:pt>
                <c:pt idx="94">
                  <c:v>783</c:v>
                </c:pt>
                <c:pt idx="95">
                  <c:v>557</c:v>
                </c:pt>
                <c:pt idx="96">
                  <c:v>452</c:v>
                </c:pt>
                <c:pt idx="97">
                  <c:v>345</c:v>
                </c:pt>
                <c:pt idx="98">
                  <c:v>249</c:v>
                </c:pt>
                <c:pt idx="99">
                  <c:v>185</c:v>
                </c:pt>
                <c:pt idx="100">
                  <c:v>136</c:v>
                </c:pt>
                <c:pt idx="101">
                  <c:v>203</c:v>
                </c:pt>
                <c:pt idx="102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82-7C11-4739-A756-BEA949A5B8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overlap val="100"/>
        <c:axId val="1"/>
        <c:axId val="2"/>
      </c:barChart>
      <c:cat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General" sourceLinked="1"/>
        <c:majorTickMark val="none"/>
        <c:minorTickMark val="none"/>
        <c:tickLblPos val="none"/>
        <c:spPr>
          <a:ln w="3175">
            <a:solidFill>
              <a:srgbClr val="000000"/>
            </a:solidFill>
            <a:prstDash val="solid"/>
          </a:ln>
        </c:spPr>
        <c:txPr>
          <a:bodyPr horzOverflow="overflow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2"/>
        <c:crosses val="autoZero"/>
        <c:auto val="0"/>
        <c:lblAlgn val="ctr"/>
        <c:lblOffset val="100"/>
        <c:tickLblSkip val="10"/>
        <c:tickMarkSkip val="10"/>
        <c:noMultiLvlLbl val="0"/>
      </c:catAx>
      <c:valAx>
        <c:axId val="2"/>
        <c:scaling>
          <c:orientation val="minMax"/>
        </c:scaling>
        <c:delete val="0"/>
        <c:axPos val="b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0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horzOverflow="overflow" anchor="ctr" anchorCtr="1"/>
          <a:lstStyle/>
          <a:p>
            <a:pPr algn="ctr" rtl="0">
              <a:defRPr kumimoji="0" sz="1100" kern="1200">
                <a:solidFill>
                  <a:srgbClr val="000000"/>
                </a:solidFill>
                <a:latin typeface="BIZ UDゴシック"/>
                <a:ea typeface="BIZ UDゴシック"/>
              </a:defRPr>
            </a:pPr>
            <a:endParaRPr lang="ja-JP"/>
          </a:p>
        </c:txPr>
        <c:crossAx val="1"/>
        <c:crosses val="autoZero"/>
        <c:crossBetween val="between"/>
        <c:majorUnit val="1000"/>
      </c:valAx>
      <c:spPr>
        <a:solidFill>
          <a:srgbClr val="CCCCFF"/>
        </a:solidFill>
        <a:ln w="3175">
          <a:solidFill>
            <a:srgbClr val="FFFF99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  <c:extLst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7150</xdr:colOff>
      <xdr:row>5</xdr:row>
      <xdr:rowOff>106045</xdr:rowOff>
    </xdr:from>
    <xdr:to>
      <xdr:col>6</xdr:col>
      <xdr:colOff>142875</xdr:colOff>
      <xdr:row>70</xdr:row>
      <xdr:rowOff>125730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7AB5EA3F-3D28-4F99-9049-866C707077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4</xdr:col>
      <xdr:colOff>152400</xdr:colOff>
      <xdr:row>38</xdr:row>
      <xdr:rowOff>154940</xdr:rowOff>
    </xdr:from>
    <xdr:to>
      <xdr:col>4</xdr:col>
      <xdr:colOff>552450</xdr:colOff>
      <xdr:row>40</xdr:row>
      <xdr:rowOff>154940</xdr:rowOff>
    </xdr:to>
    <xdr:sp macro="" textlink="">
      <xdr:nvSpPr>
        <xdr:cNvPr id="3" name="Text Box 2">
          <a:extLst>
            <a:ext uri="{FF2B5EF4-FFF2-40B4-BE49-F238E27FC236}">
              <a16:creationId xmlns:a16="http://schemas.microsoft.com/office/drawing/2014/main" id="{335C7A5D-A3F7-462D-B12D-7C89D38E3BC7}"/>
            </a:ext>
          </a:extLst>
        </xdr:cNvPr>
        <xdr:cNvSpPr txBox="1">
          <a:spLocks noChangeArrowheads="1"/>
        </xdr:cNvSpPr>
      </xdr:nvSpPr>
      <xdr:spPr>
        <a:xfrm>
          <a:off x="2895600" y="6736715"/>
          <a:ext cx="400050" cy="3429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0" tIns="72000" rIns="0" bIns="7200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男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6</xdr:col>
      <xdr:colOff>76835</xdr:colOff>
      <xdr:row>5</xdr:row>
      <xdr:rowOff>106680</xdr:rowOff>
    </xdr:from>
    <xdr:to>
      <xdr:col>11</xdr:col>
      <xdr:colOff>467360</xdr:colOff>
      <xdr:row>70</xdr:row>
      <xdr:rowOff>135255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id="{F7CA3FB9-2A00-4EA9-A06A-9B635DD276D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6</xdr:col>
      <xdr:colOff>676275</xdr:colOff>
      <xdr:row>38</xdr:row>
      <xdr:rowOff>160655</xdr:rowOff>
    </xdr:from>
    <xdr:to>
      <xdr:col>7</xdr:col>
      <xdr:colOff>390525</xdr:colOff>
      <xdr:row>40</xdr:row>
      <xdr:rowOff>160655</xdr:rowOff>
    </xdr:to>
    <xdr:sp macro="" textlink="">
      <xdr:nvSpPr>
        <xdr:cNvPr id="5" name="Text Box 10">
          <a:extLst>
            <a:ext uri="{FF2B5EF4-FFF2-40B4-BE49-F238E27FC236}">
              <a16:creationId xmlns:a16="http://schemas.microsoft.com/office/drawing/2014/main" id="{F6D138F6-CD20-480D-82C4-3137FA1CDEA5}"/>
            </a:ext>
          </a:extLst>
        </xdr:cNvPr>
        <xdr:cNvSpPr txBox="1">
          <a:spLocks noChangeArrowheads="1"/>
        </xdr:cNvSpPr>
      </xdr:nvSpPr>
      <xdr:spPr>
        <a:xfrm>
          <a:off x="4791075" y="6742430"/>
          <a:ext cx="400050" cy="3429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0" tIns="72000" rIns="0" bIns="7200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女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9</xdr:col>
      <xdr:colOff>169545</xdr:colOff>
      <xdr:row>23</xdr:row>
      <xdr:rowOff>154940</xdr:rowOff>
    </xdr:from>
    <xdr:to>
      <xdr:col>10</xdr:col>
      <xdr:colOff>588645</xdr:colOff>
      <xdr:row>26</xdr:row>
      <xdr:rowOff>110490</xdr:rowOff>
    </xdr:to>
    <xdr:sp macro="" textlink="">
      <xdr:nvSpPr>
        <xdr:cNvPr id="6" name="AutoShape 11">
          <a:extLst>
            <a:ext uri="{FF2B5EF4-FFF2-40B4-BE49-F238E27FC236}">
              <a16:creationId xmlns:a16="http://schemas.microsoft.com/office/drawing/2014/main" id="{10C454B6-3BEC-4CEC-A4FC-FAE6B83D3150}"/>
            </a:ext>
          </a:extLst>
        </xdr:cNvPr>
        <xdr:cNvSpPr>
          <a:spLocks noChangeArrowheads="1"/>
        </xdr:cNvSpPr>
      </xdr:nvSpPr>
      <xdr:spPr>
        <a:xfrm>
          <a:off x="6341745" y="4164965"/>
          <a:ext cx="1104900" cy="469900"/>
        </a:xfrm>
        <a:prstGeom prst="wedgeRoundRectCallout">
          <a:avLst>
            <a:gd name="adj1" fmla="val 7736"/>
            <a:gd name="adj2" fmla="val -144665"/>
            <a:gd name="adj3" fmla="val 1666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昭和22年～24年</a:t>
          </a:r>
          <a:endParaRPr>
            <a:latin typeface="BIZ UDゴシック"/>
            <a:ea typeface="BIZ UDゴシック"/>
          </a:endParaRPr>
        </a:p>
        <a:p>
          <a:pPr algn="ctr" rtl="0">
            <a:lnSpc>
              <a:spcPts val="9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第1次ﾍﾞﾋﾞｰﾌﾞｰﾑ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9</xdr:col>
      <xdr:colOff>298450</xdr:colOff>
      <xdr:row>39</xdr:row>
      <xdr:rowOff>109855</xdr:rowOff>
    </xdr:from>
    <xdr:to>
      <xdr:col>11</xdr:col>
      <xdr:colOff>35560</xdr:colOff>
      <xdr:row>41</xdr:row>
      <xdr:rowOff>167005</xdr:rowOff>
    </xdr:to>
    <xdr:sp macro="" textlink="">
      <xdr:nvSpPr>
        <xdr:cNvPr id="7" name="AutoShape 12">
          <a:extLst>
            <a:ext uri="{FF2B5EF4-FFF2-40B4-BE49-F238E27FC236}">
              <a16:creationId xmlns:a16="http://schemas.microsoft.com/office/drawing/2014/main" id="{80BCC492-586B-483E-B81B-43B157985A48}"/>
            </a:ext>
          </a:extLst>
        </xdr:cNvPr>
        <xdr:cNvSpPr>
          <a:spLocks noChangeArrowheads="1"/>
        </xdr:cNvSpPr>
      </xdr:nvSpPr>
      <xdr:spPr>
        <a:xfrm>
          <a:off x="6470650" y="6863080"/>
          <a:ext cx="1108710" cy="400050"/>
        </a:xfrm>
        <a:prstGeom prst="wedgeRoundRectCallout">
          <a:avLst>
            <a:gd name="adj1" fmla="val -35526"/>
            <a:gd name="adj2" fmla="val -148980"/>
            <a:gd name="adj3" fmla="val 1666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昭和46年～49年</a:t>
          </a:r>
          <a:endParaRPr>
            <a:latin typeface="BIZ UDゴシック"/>
            <a:ea typeface="BIZ UDゴシック"/>
          </a:endParaRPr>
        </a:p>
        <a:p>
          <a:pPr algn="ctr" rtl="0">
            <a:lnSpc>
              <a:spcPts val="9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第２次ﾍﾞﾋﾞｰﾌﾞｰﾑ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5</xdr:col>
      <xdr:colOff>209550</xdr:colOff>
      <xdr:row>4</xdr:row>
      <xdr:rowOff>29210</xdr:rowOff>
    </xdr:from>
    <xdr:to>
      <xdr:col>6</xdr:col>
      <xdr:colOff>238125</xdr:colOff>
      <xdr:row>5</xdr:row>
      <xdr:rowOff>123825</xdr:rowOff>
    </xdr:to>
    <xdr:sp macro="" textlink="">
      <xdr:nvSpPr>
        <xdr:cNvPr id="8" name="Text Box 13">
          <a:extLst>
            <a:ext uri="{FF2B5EF4-FFF2-40B4-BE49-F238E27FC236}">
              <a16:creationId xmlns:a16="http://schemas.microsoft.com/office/drawing/2014/main" id="{D7EF8E82-59DF-4533-9141-3BD423FD0B32}"/>
            </a:ext>
          </a:extLst>
        </xdr:cNvPr>
        <xdr:cNvSpPr txBox="1">
          <a:spLocks noChangeArrowheads="1"/>
        </xdr:cNvSpPr>
      </xdr:nvSpPr>
      <xdr:spPr>
        <a:xfrm>
          <a:off x="3638550" y="781685"/>
          <a:ext cx="714375" cy="26606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年齢(歳)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0</xdr:col>
      <xdr:colOff>104775</xdr:colOff>
      <xdr:row>70</xdr:row>
      <xdr:rowOff>114300</xdr:rowOff>
    </xdr:from>
    <xdr:to>
      <xdr:col>0</xdr:col>
      <xdr:colOff>428625</xdr:colOff>
      <xdr:row>71</xdr:row>
      <xdr:rowOff>152400</xdr:rowOff>
    </xdr:to>
    <xdr:sp macro="" textlink="">
      <xdr:nvSpPr>
        <xdr:cNvPr id="9" name="Text Box 14">
          <a:extLst>
            <a:ext uri="{FF2B5EF4-FFF2-40B4-BE49-F238E27FC236}">
              <a16:creationId xmlns:a16="http://schemas.microsoft.com/office/drawing/2014/main" id="{CE899C11-49C0-45E9-940F-49825D0754B1}"/>
            </a:ext>
          </a:extLst>
        </xdr:cNvPr>
        <xdr:cNvSpPr txBox="1">
          <a:spLocks noChangeArrowheads="1"/>
        </xdr:cNvSpPr>
      </xdr:nvSpPr>
      <xdr:spPr>
        <a:xfrm>
          <a:off x="104775" y="12182475"/>
          <a:ext cx="323850" cy="20955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(</a:t>
          </a:r>
          <a:r>
            <a:rPr lang="ja-JP" altLang="en-US" sz="9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人)</a:t>
          </a:r>
          <a:endParaRPr lang="ja-JP" altLang="en-US"/>
        </a:p>
      </xdr:txBody>
    </xdr:sp>
    <xdr:clientData/>
  </xdr:twoCellAnchor>
  <xdr:twoCellAnchor>
    <xdr:from>
      <xdr:col>11</xdr:col>
      <xdr:colOff>28575</xdr:colOff>
      <xdr:row>70</xdr:row>
      <xdr:rowOff>114300</xdr:rowOff>
    </xdr:from>
    <xdr:to>
      <xdr:col>11</xdr:col>
      <xdr:colOff>352425</xdr:colOff>
      <xdr:row>71</xdr:row>
      <xdr:rowOff>152400</xdr:rowOff>
    </xdr:to>
    <xdr:sp macro="" textlink="">
      <xdr:nvSpPr>
        <xdr:cNvPr id="10" name="Text Box 15">
          <a:extLst>
            <a:ext uri="{FF2B5EF4-FFF2-40B4-BE49-F238E27FC236}">
              <a16:creationId xmlns:a16="http://schemas.microsoft.com/office/drawing/2014/main" id="{30C1BBC2-46CF-4FCC-B97A-10A943845616}"/>
            </a:ext>
          </a:extLst>
        </xdr:cNvPr>
        <xdr:cNvSpPr txBox="1">
          <a:spLocks noChangeArrowheads="1"/>
        </xdr:cNvSpPr>
      </xdr:nvSpPr>
      <xdr:spPr>
        <a:xfrm>
          <a:off x="7572375" y="12182475"/>
          <a:ext cx="323850" cy="20955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(人)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0</xdr:col>
      <xdr:colOff>123825</xdr:colOff>
      <xdr:row>68</xdr:row>
      <xdr:rowOff>75565</xdr:rowOff>
    </xdr:from>
    <xdr:to>
      <xdr:col>5</xdr:col>
      <xdr:colOff>114935</xdr:colOff>
      <xdr:row>69</xdr:row>
      <xdr:rowOff>170180</xdr:rowOff>
    </xdr:to>
    <xdr:sp macro="" textlink="">
      <xdr:nvSpPr>
        <xdr:cNvPr id="11" name="Text Box 21">
          <a:extLst>
            <a:ext uri="{FF2B5EF4-FFF2-40B4-BE49-F238E27FC236}">
              <a16:creationId xmlns:a16="http://schemas.microsoft.com/office/drawing/2014/main" id="{347CC75F-4E5D-4708-A491-46EDABAA8BB0}"/>
            </a:ext>
          </a:extLst>
        </xdr:cNvPr>
        <xdr:cNvSpPr txBox="1">
          <a:spLocks noChangeArrowheads="1"/>
        </xdr:cNvSpPr>
      </xdr:nvSpPr>
      <xdr:spPr>
        <a:xfrm>
          <a:off x="123825" y="11800840"/>
          <a:ext cx="3420110" cy="26606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0" tIns="0" rIns="0" bIns="0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  5,000　      4,000      3,000   　  2,000    　 1,000</a:t>
          </a:r>
          <a:endParaRPr lang="ja-JP" altLang="en-US">
            <a:latin typeface="BIZ UDゴシック"/>
            <a:ea typeface="BIZ UDゴシック"/>
          </a:endParaRPr>
        </a:p>
      </xdr:txBody>
    </xdr:sp>
    <xdr:clientData/>
  </xdr:twoCellAnchor>
  <xdr:twoCellAnchor>
    <xdr:from>
      <xdr:col>1</xdr:col>
      <xdr:colOff>104775</xdr:colOff>
      <xdr:row>8</xdr:row>
      <xdr:rowOff>71755</xdr:rowOff>
    </xdr:from>
    <xdr:to>
      <xdr:col>1</xdr:col>
      <xdr:colOff>495300</xdr:colOff>
      <xdr:row>9</xdr:row>
      <xdr:rowOff>43815</xdr:rowOff>
    </xdr:to>
    <xdr:sp macro="" textlink="">
      <xdr:nvSpPr>
        <xdr:cNvPr id="12" name="Text Box 3">
          <a:extLst>
            <a:ext uri="{FF2B5EF4-FFF2-40B4-BE49-F238E27FC236}">
              <a16:creationId xmlns:a16="http://schemas.microsoft.com/office/drawing/2014/main" id="{8FDCDA78-D087-422E-80E8-464F7D4E5A6F}"/>
            </a:ext>
          </a:extLst>
        </xdr:cNvPr>
        <xdr:cNvSpPr txBox="1">
          <a:spLocks noChangeArrowheads="1"/>
        </xdr:cNvSpPr>
      </xdr:nvSpPr>
      <xdr:spPr>
        <a:xfrm>
          <a:off x="790575" y="1510030"/>
          <a:ext cx="390525" cy="143510"/>
        </a:xfrm>
        <a:prstGeom prst="rect">
          <a:avLst/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04775</xdr:colOff>
      <xdr:row>10</xdr:row>
      <xdr:rowOff>10160</xdr:rowOff>
    </xdr:from>
    <xdr:to>
      <xdr:col>1</xdr:col>
      <xdr:colOff>495300</xdr:colOff>
      <xdr:row>10</xdr:row>
      <xdr:rowOff>153670</xdr:rowOff>
    </xdr:to>
    <xdr:sp macro="" textlink="">
      <xdr:nvSpPr>
        <xdr:cNvPr id="13" name="Text Box 4">
          <a:extLst>
            <a:ext uri="{FF2B5EF4-FFF2-40B4-BE49-F238E27FC236}">
              <a16:creationId xmlns:a16="http://schemas.microsoft.com/office/drawing/2014/main" id="{DE1A6520-BF8C-449A-8329-9E17FB69C941}"/>
            </a:ext>
          </a:extLst>
        </xdr:cNvPr>
        <xdr:cNvSpPr txBox="1">
          <a:spLocks noChangeArrowheads="1"/>
        </xdr:cNvSpPr>
      </xdr:nvSpPr>
      <xdr:spPr>
        <a:xfrm>
          <a:off x="790575" y="1791335"/>
          <a:ext cx="390525" cy="143510"/>
        </a:xfrm>
        <a:prstGeom prst="rect">
          <a:avLst/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04775</xdr:colOff>
      <xdr:row>11</xdr:row>
      <xdr:rowOff>110490</xdr:rowOff>
    </xdr:from>
    <xdr:to>
      <xdr:col>1</xdr:col>
      <xdr:colOff>495300</xdr:colOff>
      <xdr:row>12</xdr:row>
      <xdr:rowOff>82550</xdr:rowOff>
    </xdr:to>
    <xdr:sp macro="" textlink="">
      <xdr:nvSpPr>
        <xdr:cNvPr id="14" name="Text Box 5">
          <a:extLst>
            <a:ext uri="{FF2B5EF4-FFF2-40B4-BE49-F238E27FC236}">
              <a16:creationId xmlns:a16="http://schemas.microsoft.com/office/drawing/2014/main" id="{D0BE5DA4-85D2-4ACD-8F82-BE1F4872FA95}"/>
            </a:ext>
          </a:extLst>
        </xdr:cNvPr>
        <xdr:cNvSpPr txBox="1">
          <a:spLocks noChangeArrowheads="1"/>
        </xdr:cNvSpPr>
      </xdr:nvSpPr>
      <xdr:spPr>
        <a:xfrm>
          <a:off x="790575" y="2063115"/>
          <a:ext cx="390525" cy="143510"/>
        </a:xfrm>
        <a:prstGeom prst="rect">
          <a:avLst/>
        </a:prstGeom>
        <a:solidFill>
          <a:srgbClr val="FFCC99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628650</xdr:colOff>
      <xdr:row>8</xdr:row>
      <xdr:rowOff>38100</xdr:rowOff>
    </xdr:from>
    <xdr:to>
      <xdr:col>4</xdr:col>
      <xdr:colOff>481965</xdr:colOff>
      <xdr:row>9</xdr:row>
      <xdr:rowOff>88265</xdr:rowOff>
    </xdr:to>
    <xdr:sp macro="" textlink="">
      <xdr:nvSpPr>
        <xdr:cNvPr id="15" name="Text Box 6">
          <a:extLst>
            <a:ext uri="{FF2B5EF4-FFF2-40B4-BE49-F238E27FC236}">
              <a16:creationId xmlns:a16="http://schemas.microsoft.com/office/drawing/2014/main" id="{E021FD56-7A2B-4EBD-80F5-B3CD0AD70BFF}"/>
            </a:ext>
          </a:extLst>
        </xdr:cNvPr>
        <xdr:cNvSpPr txBox="1">
          <a:spLocks noChangeArrowheads="1"/>
        </xdr:cNvSpPr>
      </xdr:nvSpPr>
      <xdr:spPr>
        <a:xfrm>
          <a:off x="1314450" y="1476375"/>
          <a:ext cx="1910715" cy="221615"/>
        </a:xfrm>
        <a:prstGeom prst="rect">
          <a:avLst/>
        </a:prstGeom>
        <a:solidFill>
          <a:srgbClr val="FFFF99"/>
        </a:solidFill>
        <a:ln>
          <a:noFill/>
        </a:ln>
      </xdr:spPr>
      <xdr:txBody>
        <a:bodyPr vertOverflow="clip" horzOverflow="overflow" wrap="square" lIns="90000" tIns="36000" rIns="90000" bIns="36000" anchor="t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65歳以上  </a:t>
          </a:r>
          <a:r>
            <a:rPr lang="en-US" altLang="ja-JP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122,099</a:t>
          </a:r>
          <a:r>
            <a:rPr lang="ja-JP" altLang="en-US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人(</a:t>
          </a:r>
          <a:r>
            <a:rPr lang="en-US" altLang="ja-JP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30.4</a:t>
          </a:r>
          <a:r>
            <a:rPr lang="ja-JP" altLang="en-US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%)</a:t>
          </a:r>
        </a:p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%)</a:t>
          </a:r>
        </a:p>
        <a:p>
          <a:pPr algn="ctr" rtl="0">
            <a:defRPr sz="1000"/>
          </a:pPr>
          <a:endParaRPr lang="ja-JP" altLang="en-US" b="1">
            <a:latin typeface="BIZ UDゴシック"/>
            <a:ea typeface="BIZ UDゴシック"/>
          </a:endParaRPr>
        </a:p>
      </xdr:txBody>
    </xdr:sp>
    <xdr:clientData/>
  </xdr:twoCellAnchor>
  <xdr:twoCellAnchor>
    <xdr:from>
      <xdr:col>1</xdr:col>
      <xdr:colOff>628650</xdr:colOff>
      <xdr:row>9</xdr:row>
      <xdr:rowOff>143510</xdr:rowOff>
    </xdr:from>
    <xdr:to>
      <xdr:col>4</xdr:col>
      <xdr:colOff>481965</xdr:colOff>
      <xdr:row>11</xdr:row>
      <xdr:rowOff>22225</xdr:rowOff>
    </xdr:to>
    <xdr:sp macro="" textlink="">
      <xdr:nvSpPr>
        <xdr:cNvPr id="16" name="Text Box 6">
          <a:extLst>
            <a:ext uri="{FF2B5EF4-FFF2-40B4-BE49-F238E27FC236}">
              <a16:creationId xmlns:a16="http://schemas.microsoft.com/office/drawing/2014/main" id="{AB9E8B14-A65A-4616-A3C6-8EEB9B818F90}"/>
            </a:ext>
          </a:extLst>
        </xdr:cNvPr>
        <xdr:cNvSpPr txBox="1">
          <a:spLocks noChangeArrowheads="1"/>
        </xdr:cNvSpPr>
      </xdr:nvSpPr>
      <xdr:spPr>
        <a:xfrm>
          <a:off x="1314450" y="1753235"/>
          <a:ext cx="1910715" cy="221615"/>
        </a:xfrm>
        <a:prstGeom prst="rect">
          <a:avLst/>
        </a:prstGeom>
        <a:solidFill>
          <a:srgbClr val="FFFF99"/>
        </a:solidFill>
        <a:ln>
          <a:noFill/>
        </a:ln>
      </xdr:spPr>
      <xdr:txBody>
        <a:bodyPr vertOverflow="clip" horzOverflow="overflow" wrap="square" lIns="90000" tIns="36000" rIns="90000" bIns="36000" anchor="t" upright="1"/>
        <a:lstStyle/>
        <a:p>
          <a:pPr algn="ctr" rtl="0"/>
          <a:r>
            <a:rPr lang="ja-JP" altLang="ja-JP" sz="900" b="1" i="0" baseline="0">
              <a:effectLst/>
              <a:latin typeface="BIZ UDゴシック"/>
              <a:ea typeface="BIZ UDゴシック"/>
              <a:cs typeface="+mn-cs"/>
            </a:rPr>
            <a:t>15～64歳  </a:t>
          </a:r>
          <a:r>
            <a:rPr lang="en-US" altLang="ja-JP" sz="900" b="1" i="0" baseline="0">
              <a:effectLst/>
              <a:latin typeface="BIZ UDゴシック"/>
              <a:ea typeface="BIZ UDゴシック"/>
              <a:cs typeface="+mn-cs"/>
            </a:rPr>
            <a:t>236,121</a:t>
          </a:r>
          <a:r>
            <a:rPr lang="ja-JP" altLang="ja-JP" sz="900" b="1" i="0" baseline="0">
              <a:effectLst/>
              <a:latin typeface="BIZ UDゴシック"/>
              <a:ea typeface="BIZ UDゴシック"/>
              <a:cs typeface="+mn-cs"/>
            </a:rPr>
            <a:t>人(</a:t>
          </a:r>
          <a:r>
            <a:rPr lang="en-US" altLang="ja-JP" sz="900" b="1" i="0" baseline="0">
              <a:effectLst/>
              <a:latin typeface="BIZ UDゴシック"/>
              <a:ea typeface="BIZ UDゴシック"/>
              <a:cs typeface="+mn-cs"/>
            </a:rPr>
            <a:t>58.7</a:t>
          </a:r>
          <a:r>
            <a:rPr lang="ja-JP" altLang="ja-JP" sz="900" b="1" i="0" baseline="0">
              <a:effectLst/>
              <a:latin typeface="BIZ UDゴシック"/>
              <a:ea typeface="BIZ UDゴシック"/>
              <a:cs typeface="+mn-cs"/>
            </a:rPr>
            <a:t>%)</a:t>
          </a:r>
          <a:endParaRPr lang="ja-JP" altLang="ja-JP" sz="900">
            <a:effectLst/>
            <a:latin typeface="BIZ UDゴシック"/>
            <a:ea typeface="BIZ UDゴシック"/>
          </a:endParaRPr>
        </a:p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%)</a:t>
          </a:r>
        </a:p>
        <a:p>
          <a:pPr algn="ctr" rtl="0">
            <a:defRPr sz="1000"/>
          </a:pPr>
          <a:endParaRPr lang="ja-JP" altLang="en-US" sz="900" b="1">
            <a:latin typeface="BIZ UDゴシック"/>
            <a:ea typeface="BIZ UDゴシック"/>
          </a:endParaRPr>
        </a:p>
      </xdr:txBody>
    </xdr:sp>
    <xdr:clientData/>
  </xdr:twoCellAnchor>
  <xdr:twoCellAnchor>
    <xdr:from>
      <xdr:col>1</xdr:col>
      <xdr:colOff>628650</xdr:colOff>
      <xdr:row>11</xdr:row>
      <xdr:rowOff>78105</xdr:rowOff>
    </xdr:from>
    <xdr:to>
      <xdr:col>4</xdr:col>
      <xdr:colOff>481965</xdr:colOff>
      <xdr:row>12</xdr:row>
      <xdr:rowOff>127635</xdr:rowOff>
    </xdr:to>
    <xdr:sp macro="" textlink="">
      <xdr:nvSpPr>
        <xdr:cNvPr id="17" name="Text Box 6">
          <a:extLst>
            <a:ext uri="{FF2B5EF4-FFF2-40B4-BE49-F238E27FC236}">
              <a16:creationId xmlns:a16="http://schemas.microsoft.com/office/drawing/2014/main" id="{45BE7AAB-EE63-46F6-9627-5EA36620BCB5}"/>
            </a:ext>
          </a:extLst>
        </xdr:cNvPr>
        <xdr:cNvSpPr txBox="1">
          <a:spLocks noChangeArrowheads="1"/>
        </xdr:cNvSpPr>
      </xdr:nvSpPr>
      <xdr:spPr>
        <a:xfrm>
          <a:off x="1314450" y="2030730"/>
          <a:ext cx="1910715" cy="220980"/>
        </a:xfrm>
        <a:prstGeom prst="rect">
          <a:avLst/>
        </a:prstGeom>
        <a:solidFill>
          <a:srgbClr val="FFFF99"/>
        </a:solidFill>
        <a:ln>
          <a:noFill/>
        </a:ln>
      </xdr:spPr>
      <xdr:txBody>
        <a:bodyPr vertOverflow="clip" horzOverflow="overflow" wrap="square" lIns="90000" tIns="36000" rIns="90000" bIns="36000" anchor="t" upright="1"/>
        <a:lstStyle/>
        <a:p>
          <a:pPr algn="ctr" rtl="0"/>
          <a:r>
            <a:rPr lang="ja-JP" altLang="ja-JP" sz="900" b="1" i="0" baseline="0">
              <a:effectLst/>
              <a:latin typeface="BIZ UDゴシック"/>
              <a:ea typeface="BIZ UDゴシック"/>
              <a:cs typeface="+mn-cs"/>
            </a:rPr>
            <a:t> 0～14歳   </a:t>
          </a:r>
          <a:r>
            <a:rPr lang="en-US" altLang="ja-JP" sz="900" b="1" i="0" baseline="0">
              <a:effectLst/>
              <a:latin typeface="BIZ UDゴシック"/>
              <a:ea typeface="BIZ UDゴシック"/>
              <a:cs typeface="+mn-cs"/>
            </a:rPr>
            <a:t>43,795</a:t>
          </a:r>
          <a:r>
            <a:rPr lang="ja-JP" altLang="ja-JP" sz="900" b="1" i="0" baseline="0">
              <a:effectLst/>
              <a:latin typeface="BIZ UDゴシック"/>
              <a:ea typeface="BIZ UDゴシック"/>
              <a:cs typeface="+mn-cs"/>
            </a:rPr>
            <a:t>人(</a:t>
          </a:r>
          <a:r>
            <a:rPr lang="en-US" altLang="ja-JP" sz="900" b="1" i="0" baseline="0">
              <a:effectLst/>
              <a:latin typeface="BIZ UDゴシック"/>
              <a:ea typeface="BIZ UDゴシック"/>
              <a:cs typeface="+mn-cs"/>
            </a:rPr>
            <a:t>10.9</a:t>
          </a:r>
          <a:r>
            <a:rPr lang="ja-JP" altLang="ja-JP" sz="900" b="1" i="0" baseline="0">
              <a:effectLst/>
              <a:latin typeface="BIZ UDゴシック"/>
              <a:ea typeface="BIZ UDゴシック"/>
              <a:cs typeface="+mn-cs"/>
            </a:rPr>
            <a:t>%)</a:t>
          </a:r>
          <a:endParaRPr lang="ja-JP" altLang="ja-JP" sz="900">
            <a:effectLst/>
            <a:latin typeface="BIZ UDゴシック"/>
            <a:ea typeface="BIZ UDゴシック"/>
          </a:endParaRPr>
        </a:p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%)</a:t>
          </a:r>
        </a:p>
        <a:p>
          <a:pPr algn="ctr" rtl="0">
            <a:defRPr sz="1000"/>
          </a:pPr>
          <a:endParaRPr lang="ja-JP" altLang="en-US" sz="900" b="1">
            <a:latin typeface="BIZ UDゴシック"/>
            <a:ea typeface="BIZ UDゴシック"/>
          </a:endParaRPr>
        </a:p>
      </xdr:txBody>
    </xdr:sp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468</cdr:x>
      <cdr:y>0.0475</cdr:y>
    </cdr:from>
    <cdr:to>
      <cdr:x>0.816</cdr:x>
      <cdr:y>0.0995</cdr:y>
    </cdr:to>
    <cdr:sp macro="" textlink="">
      <cdr:nvSpPr>
        <cdr:cNvPr id="268289" name="Rectangle 1"/>
        <cdr:cNvSpPr>
          <a:spLocks xmlns:a="http://schemas.openxmlformats.org/drawingml/2006/main" noChangeArrowheads="1"/>
        </cdr:cNvSpPr>
      </cdr:nvSpPr>
      <cdr:spPr>
        <a:xfrm xmlns:a="http://schemas.openxmlformats.org/drawingml/2006/main">
          <a:off x="1787537" y="530709"/>
          <a:ext cx="1329194" cy="580986"/>
        </a:xfrm>
        <a:prstGeom xmlns:a="http://schemas.openxmlformats.org/drawingml/2006/main" prst="rect">
          <a:avLst/>
        </a:prstGeom>
        <a:solidFill xmlns:a="http://schemas.openxmlformats.org/drawingml/2006/main">
          <a:srgbClr val="FFFFFF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horzOverflow="overflow" wrap="square" lIns="18288" tIns="18288" rIns="0" bIns="0" anchor="ctr" anchorCtr="0" upright="1"/>
        <a:lstStyle xmlns:a="http://schemas.openxmlformats.org/drawingml/2006/main"/>
        <a:p xmlns:a="http://schemas.openxmlformats.org/drawingml/2006/main"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 人口　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402,015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人</a:t>
          </a:r>
        </a:p>
        <a:p xmlns:a="http://schemas.openxmlformats.org/drawingml/2006/main"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  男   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196,441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人</a:t>
          </a:r>
        </a:p>
        <a:p xmlns:a="http://schemas.openxmlformats.org/drawingml/2006/main"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  女　 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205,574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BIZ UDゴシック"/>
              <a:ea typeface="BIZ UDゴシック"/>
            </a:rPr>
            <a:t>人</a:t>
          </a:r>
          <a:endParaRPr lang="ja-JP" altLang="en-US">
            <a:latin typeface="BIZ UDゴシック"/>
            <a:ea typeface="BIZ UDゴシック"/>
          </a:endParaRPr>
        </a:p>
      </cdr:txBody>
    </cdr:sp>
  </cdr:relSizeAnchor>
</c:userShape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7/&#9675;hp%20R07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>
        <row r="3">
          <cell r="A3">
            <v>0</v>
          </cell>
          <cell r="C3" t="str">
            <v xml:space="preserve">   　0</v>
          </cell>
          <cell r="D3">
            <v>-1167</v>
          </cell>
          <cell r="E3">
            <v>1109</v>
          </cell>
        </row>
        <row r="4">
          <cell r="A4">
            <v>1</v>
          </cell>
          <cell r="C4" t="str">
            <v xml:space="preserve">   　1</v>
          </cell>
          <cell r="D4">
            <v>-1176</v>
          </cell>
          <cell r="E4">
            <v>1159</v>
          </cell>
        </row>
        <row r="5">
          <cell r="A5">
            <v>2</v>
          </cell>
          <cell r="C5" t="str">
            <v xml:space="preserve">   　2</v>
          </cell>
          <cell r="D5">
            <v>-1266</v>
          </cell>
          <cell r="E5">
            <v>1227</v>
          </cell>
        </row>
        <row r="6">
          <cell r="A6">
            <v>3</v>
          </cell>
          <cell r="C6" t="str">
            <v xml:space="preserve">   　3</v>
          </cell>
          <cell r="D6">
            <v>-1338</v>
          </cell>
          <cell r="E6">
            <v>1266</v>
          </cell>
        </row>
        <row r="7">
          <cell r="A7">
            <v>4</v>
          </cell>
          <cell r="C7" t="str">
            <v xml:space="preserve">   　4</v>
          </cell>
          <cell r="D7">
            <v>-1355</v>
          </cell>
          <cell r="E7">
            <v>1338</v>
          </cell>
        </row>
        <row r="8">
          <cell r="A8">
            <v>5</v>
          </cell>
          <cell r="C8" t="str">
            <v xml:space="preserve">   　5</v>
          </cell>
          <cell r="D8">
            <v>-1432</v>
          </cell>
          <cell r="E8">
            <v>1374</v>
          </cell>
        </row>
        <row r="9">
          <cell r="A9">
            <v>6</v>
          </cell>
          <cell r="C9" t="str">
            <v xml:space="preserve">   　6</v>
          </cell>
          <cell r="D9">
            <v>-1478</v>
          </cell>
          <cell r="E9">
            <v>1427</v>
          </cell>
        </row>
        <row r="10">
          <cell r="A10">
            <v>7</v>
          </cell>
          <cell r="C10" t="str">
            <v xml:space="preserve">   　7</v>
          </cell>
          <cell r="D10">
            <v>-1525</v>
          </cell>
          <cell r="E10">
            <v>1480</v>
          </cell>
        </row>
        <row r="11">
          <cell r="A11">
            <v>8</v>
          </cell>
          <cell r="C11" t="str">
            <v xml:space="preserve">   　8</v>
          </cell>
          <cell r="D11">
            <v>-1581</v>
          </cell>
          <cell r="E11">
            <v>1485</v>
          </cell>
        </row>
        <row r="12">
          <cell r="A12">
            <v>9</v>
          </cell>
          <cell r="C12" t="str">
            <v xml:space="preserve">   　9</v>
          </cell>
          <cell r="D12">
            <v>-1661</v>
          </cell>
          <cell r="E12">
            <v>1584</v>
          </cell>
        </row>
        <row r="13">
          <cell r="A13">
            <v>10</v>
          </cell>
          <cell r="C13" t="str">
            <v xml:space="preserve">  　10</v>
          </cell>
          <cell r="D13">
            <v>-1647</v>
          </cell>
          <cell r="E13">
            <v>1550</v>
          </cell>
        </row>
        <row r="14">
          <cell r="A14">
            <v>11</v>
          </cell>
          <cell r="C14" t="str">
            <v xml:space="preserve">  　11</v>
          </cell>
          <cell r="D14">
            <v>-1577</v>
          </cell>
          <cell r="E14">
            <v>1565</v>
          </cell>
        </row>
        <row r="15">
          <cell r="A15">
            <v>12</v>
          </cell>
          <cell r="C15" t="str">
            <v xml:space="preserve">  　12</v>
          </cell>
          <cell r="D15">
            <v>-1670</v>
          </cell>
          <cell r="E15">
            <v>1622</v>
          </cell>
        </row>
        <row r="16">
          <cell r="A16">
            <v>13</v>
          </cell>
          <cell r="C16" t="str">
            <v xml:space="preserve">  　13</v>
          </cell>
          <cell r="D16">
            <v>-1713</v>
          </cell>
          <cell r="E16">
            <v>1613</v>
          </cell>
        </row>
        <row r="17">
          <cell r="A17">
            <v>14</v>
          </cell>
          <cell r="C17" t="str">
            <v xml:space="preserve">  　14</v>
          </cell>
          <cell r="D17">
            <v>-1754</v>
          </cell>
          <cell r="E17">
            <v>1656</v>
          </cell>
        </row>
        <row r="18">
          <cell r="A18">
            <v>15</v>
          </cell>
          <cell r="C18" t="str">
            <v xml:space="preserve">  　15</v>
          </cell>
          <cell r="D18">
            <v>-1778</v>
          </cell>
          <cell r="E18">
            <v>1687</v>
          </cell>
        </row>
        <row r="19">
          <cell r="A19">
            <v>16</v>
          </cell>
          <cell r="C19" t="str">
            <v xml:space="preserve">  　16</v>
          </cell>
          <cell r="D19">
            <v>-1786</v>
          </cell>
          <cell r="E19">
            <v>1657</v>
          </cell>
        </row>
        <row r="20">
          <cell r="A20">
            <v>17</v>
          </cell>
          <cell r="C20" t="str">
            <v xml:space="preserve">  　17</v>
          </cell>
          <cell r="D20">
            <v>-1843</v>
          </cell>
          <cell r="E20">
            <v>1806</v>
          </cell>
        </row>
        <row r="21">
          <cell r="A21">
            <v>18</v>
          </cell>
          <cell r="C21" t="str">
            <v xml:space="preserve">  　18</v>
          </cell>
          <cell r="D21">
            <v>-1805</v>
          </cell>
          <cell r="E21">
            <v>1747</v>
          </cell>
        </row>
        <row r="22">
          <cell r="A22">
            <v>19</v>
          </cell>
          <cell r="C22" t="str">
            <v xml:space="preserve">  　19</v>
          </cell>
          <cell r="D22">
            <v>-1930</v>
          </cell>
          <cell r="E22">
            <v>1777</v>
          </cell>
        </row>
        <row r="23">
          <cell r="A23">
            <v>20</v>
          </cell>
          <cell r="C23" t="str">
            <v xml:space="preserve">  　20</v>
          </cell>
          <cell r="D23">
            <v>-2005</v>
          </cell>
          <cell r="E23">
            <v>1804</v>
          </cell>
        </row>
        <row r="24">
          <cell r="A24">
            <v>21</v>
          </cell>
          <cell r="C24" t="str">
            <v xml:space="preserve">  　21</v>
          </cell>
          <cell r="D24">
            <v>-2089</v>
          </cell>
          <cell r="E24">
            <v>1943</v>
          </cell>
        </row>
        <row r="25">
          <cell r="A25">
            <v>22</v>
          </cell>
          <cell r="C25" t="str">
            <v xml:space="preserve">  　22</v>
          </cell>
          <cell r="D25">
            <v>-2073</v>
          </cell>
          <cell r="E25">
            <v>1847</v>
          </cell>
        </row>
        <row r="26">
          <cell r="A26">
            <v>23</v>
          </cell>
          <cell r="C26" t="str">
            <v xml:space="preserve">  　23</v>
          </cell>
          <cell r="D26">
            <v>-2277</v>
          </cell>
          <cell r="E26">
            <v>1900</v>
          </cell>
        </row>
        <row r="27">
          <cell r="A27">
            <v>24</v>
          </cell>
          <cell r="C27" t="str">
            <v xml:space="preserve">  　24</v>
          </cell>
          <cell r="D27">
            <v>-2211</v>
          </cell>
          <cell r="E27">
            <v>1866</v>
          </cell>
        </row>
        <row r="28">
          <cell r="A28">
            <v>25</v>
          </cell>
          <cell r="C28" t="str">
            <v xml:space="preserve">  　25</v>
          </cell>
          <cell r="D28">
            <v>-2263</v>
          </cell>
          <cell r="E28">
            <v>1850</v>
          </cell>
        </row>
        <row r="29">
          <cell r="A29">
            <v>26</v>
          </cell>
          <cell r="C29" t="str">
            <v xml:space="preserve">  　26</v>
          </cell>
          <cell r="D29">
            <v>-2121</v>
          </cell>
          <cell r="E29">
            <v>1940</v>
          </cell>
        </row>
        <row r="30">
          <cell r="A30">
            <v>27</v>
          </cell>
          <cell r="C30" t="str">
            <v xml:space="preserve">  　27</v>
          </cell>
          <cell r="D30">
            <v>-2178</v>
          </cell>
          <cell r="E30">
            <v>1867</v>
          </cell>
        </row>
        <row r="31">
          <cell r="A31">
            <v>28</v>
          </cell>
          <cell r="C31" t="str">
            <v xml:space="preserve">  　28</v>
          </cell>
          <cell r="D31">
            <v>-2148</v>
          </cell>
          <cell r="E31">
            <v>1881</v>
          </cell>
        </row>
        <row r="32">
          <cell r="A32">
            <v>29</v>
          </cell>
          <cell r="C32" t="str">
            <v xml:space="preserve">  　29</v>
          </cell>
          <cell r="D32">
            <v>-2202</v>
          </cell>
          <cell r="E32">
            <v>1918</v>
          </cell>
        </row>
        <row r="33">
          <cell r="A33">
            <v>30</v>
          </cell>
          <cell r="C33" t="str">
            <v xml:space="preserve">  　30</v>
          </cell>
          <cell r="D33">
            <v>-2270</v>
          </cell>
          <cell r="E33">
            <v>1903</v>
          </cell>
        </row>
        <row r="34">
          <cell r="A34">
            <v>31</v>
          </cell>
          <cell r="C34" t="str">
            <v xml:space="preserve">  　31</v>
          </cell>
          <cell r="D34">
            <v>-2115</v>
          </cell>
          <cell r="E34">
            <v>1825</v>
          </cell>
        </row>
        <row r="35">
          <cell r="A35">
            <v>32</v>
          </cell>
          <cell r="C35" t="str">
            <v xml:space="preserve">  　32</v>
          </cell>
          <cell r="D35">
            <v>-2044</v>
          </cell>
          <cell r="E35">
            <v>1864</v>
          </cell>
        </row>
        <row r="36">
          <cell r="A36">
            <v>33</v>
          </cell>
          <cell r="C36" t="str">
            <v xml:space="preserve">  　33</v>
          </cell>
          <cell r="D36">
            <v>-2017</v>
          </cell>
          <cell r="E36">
            <v>1810</v>
          </cell>
        </row>
        <row r="37">
          <cell r="A37">
            <v>34</v>
          </cell>
          <cell r="C37" t="str">
            <v xml:space="preserve">  　34</v>
          </cell>
          <cell r="D37">
            <v>-2032</v>
          </cell>
          <cell r="E37">
            <v>1814</v>
          </cell>
        </row>
        <row r="38">
          <cell r="A38">
            <v>35</v>
          </cell>
          <cell r="C38" t="str">
            <v xml:space="preserve">  　35</v>
          </cell>
          <cell r="D38">
            <v>-2113</v>
          </cell>
          <cell r="E38">
            <v>1872</v>
          </cell>
        </row>
        <row r="39">
          <cell r="A39">
            <v>36</v>
          </cell>
          <cell r="C39" t="str">
            <v xml:space="preserve">  　36</v>
          </cell>
          <cell r="D39">
            <v>-2182</v>
          </cell>
          <cell r="E39">
            <v>1889</v>
          </cell>
        </row>
        <row r="40">
          <cell r="A40">
            <v>37</v>
          </cell>
          <cell r="C40" t="str">
            <v xml:space="preserve">  　37</v>
          </cell>
          <cell r="D40">
            <v>-2173</v>
          </cell>
          <cell r="E40">
            <v>1910</v>
          </cell>
        </row>
        <row r="41">
          <cell r="A41">
            <v>38</v>
          </cell>
          <cell r="C41" t="str">
            <v xml:space="preserve">  　38</v>
          </cell>
          <cell r="D41">
            <v>-2140</v>
          </cell>
          <cell r="E41">
            <v>2055</v>
          </cell>
        </row>
        <row r="42">
          <cell r="A42">
            <v>39</v>
          </cell>
          <cell r="C42" t="str">
            <v xml:space="preserve">  　39</v>
          </cell>
          <cell r="D42">
            <v>-2300</v>
          </cell>
          <cell r="E42">
            <v>2139</v>
          </cell>
        </row>
        <row r="43">
          <cell r="A43">
            <v>40</v>
          </cell>
          <cell r="C43" t="str">
            <v xml:space="preserve">  　40</v>
          </cell>
          <cell r="D43">
            <v>-2376</v>
          </cell>
          <cell r="E43">
            <v>2284</v>
          </cell>
        </row>
        <row r="44">
          <cell r="A44">
            <v>41</v>
          </cell>
          <cell r="C44" t="str">
            <v xml:space="preserve">  　41</v>
          </cell>
          <cell r="D44">
            <v>-2454</v>
          </cell>
          <cell r="E44">
            <v>2222</v>
          </cell>
        </row>
        <row r="45">
          <cell r="A45">
            <v>42</v>
          </cell>
          <cell r="C45" t="str">
            <v xml:space="preserve">  　42</v>
          </cell>
          <cell r="D45">
            <v>-2458</v>
          </cell>
          <cell r="E45">
            <v>2173</v>
          </cell>
        </row>
        <row r="46">
          <cell r="A46">
            <v>43</v>
          </cell>
          <cell r="C46" t="str">
            <v xml:space="preserve">  　43</v>
          </cell>
          <cell r="D46">
            <v>-2524</v>
          </cell>
          <cell r="E46">
            <v>2351</v>
          </cell>
        </row>
        <row r="47">
          <cell r="A47">
            <v>44</v>
          </cell>
          <cell r="C47" t="str">
            <v xml:space="preserve">  　44</v>
          </cell>
          <cell r="D47">
            <v>-2411</v>
          </cell>
          <cell r="E47">
            <v>2359</v>
          </cell>
        </row>
        <row r="48">
          <cell r="A48">
            <v>45</v>
          </cell>
          <cell r="C48" t="str">
            <v xml:space="preserve">  　45</v>
          </cell>
          <cell r="D48">
            <v>-2564</v>
          </cell>
          <cell r="E48">
            <v>2431</v>
          </cell>
        </row>
        <row r="49">
          <cell r="A49">
            <v>46</v>
          </cell>
          <cell r="C49" t="str">
            <v xml:space="preserve">  　46</v>
          </cell>
          <cell r="D49">
            <v>-2648</v>
          </cell>
          <cell r="E49">
            <v>2595</v>
          </cell>
        </row>
        <row r="50">
          <cell r="A50">
            <v>47</v>
          </cell>
          <cell r="C50" t="str">
            <v xml:space="preserve">  　47</v>
          </cell>
          <cell r="D50">
            <v>-2995</v>
          </cell>
          <cell r="E50">
            <v>2656</v>
          </cell>
        </row>
        <row r="51">
          <cell r="A51">
            <v>48</v>
          </cell>
          <cell r="C51" t="str">
            <v xml:space="preserve">  　48</v>
          </cell>
          <cell r="D51">
            <v>-2947</v>
          </cell>
          <cell r="E51">
            <v>2792</v>
          </cell>
        </row>
        <row r="52">
          <cell r="A52">
            <v>49</v>
          </cell>
          <cell r="C52" t="str">
            <v xml:space="preserve">  　49</v>
          </cell>
          <cell r="D52">
            <v>-3179</v>
          </cell>
          <cell r="E52">
            <v>2879</v>
          </cell>
        </row>
        <row r="53">
          <cell r="A53">
            <v>50</v>
          </cell>
          <cell r="C53" t="str">
            <v xml:space="preserve">  　50</v>
          </cell>
          <cell r="D53">
            <v>-3338</v>
          </cell>
          <cell r="E53">
            <v>3271</v>
          </cell>
        </row>
        <row r="54">
          <cell r="A54">
            <v>51</v>
          </cell>
          <cell r="C54" t="str">
            <v xml:space="preserve">  　51</v>
          </cell>
          <cell r="D54">
            <v>-3476</v>
          </cell>
          <cell r="E54">
            <v>3359</v>
          </cell>
        </row>
        <row r="55">
          <cell r="A55">
            <v>52</v>
          </cell>
          <cell r="C55" t="str">
            <v xml:space="preserve">  　52</v>
          </cell>
          <cell r="D55">
            <v>-3542</v>
          </cell>
          <cell r="E55">
            <v>3398</v>
          </cell>
        </row>
        <row r="56">
          <cell r="A56">
            <v>53</v>
          </cell>
          <cell r="C56" t="str">
            <v xml:space="preserve">  　53</v>
          </cell>
          <cell r="D56">
            <v>-3494</v>
          </cell>
          <cell r="E56">
            <v>3361</v>
          </cell>
        </row>
        <row r="57">
          <cell r="A57">
            <v>54</v>
          </cell>
          <cell r="C57" t="str">
            <v xml:space="preserve">  　54</v>
          </cell>
          <cell r="D57">
            <v>-3269</v>
          </cell>
          <cell r="E57">
            <v>3226</v>
          </cell>
        </row>
        <row r="58">
          <cell r="A58">
            <v>55</v>
          </cell>
          <cell r="C58" t="str">
            <v xml:space="preserve">  　55</v>
          </cell>
          <cell r="D58">
            <v>-3142</v>
          </cell>
          <cell r="E58">
            <v>2936</v>
          </cell>
        </row>
        <row r="59">
          <cell r="A59">
            <v>56</v>
          </cell>
          <cell r="C59" t="str">
            <v xml:space="preserve">  　56</v>
          </cell>
          <cell r="D59">
            <v>-3123</v>
          </cell>
          <cell r="E59">
            <v>2918</v>
          </cell>
        </row>
        <row r="60">
          <cell r="A60">
            <v>57</v>
          </cell>
          <cell r="C60" t="str">
            <v xml:space="preserve">  　57</v>
          </cell>
          <cell r="D60">
            <v>-2878</v>
          </cell>
          <cell r="E60">
            <v>2881</v>
          </cell>
        </row>
        <row r="61">
          <cell r="A61">
            <v>58</v>
          </cell>
          <cell r="C61" t="str">
            <v xml:space="preserve">  　58</v>
          </cell>
          <cell r="D61">
            <v>-2856</v>
          </cell>
          <cell r="E61">
            <v>2838</v>
          </cell>
        </row>
        <row r="62">
          <cell r="A62">
            <v>59</v>
          </cell>
          <cell r="C62" t="str">
            <v xml:space="preserve">  　59</v>
          </cell>
          <cell r="D62">
            <v>-2114</v>
          </cell>
          <cell r="E62">
            <v>2160</v>
          </cell>
        </row>
        <row r="63">
          <cell r="A63">
            <v>60</v>
          </cell>
          <cell r="C63" t="str">
            <v xml:space="preserve">  　60</v>
          </cell>
          <cell r="D63">
            <v>-2607</v>
          </cell>
          <cell r="E63">
            <v>2728</v>
          </cell>
        </row>
        <row r="64">
          <cell r="A64">
            <v>61</v>
          </cell>
          <cell r="C64" t="str">
            <v xml:space="preserve">  　61</v>
          </cell>
          <cell r="D64">
            <v>-2504</v>
          </cell>
          <cell r="E64">
            <v>2514</v>
          </cell>
        </row>
        <row r="65">
          <cell r="A65">
            <v>62</v>
          </cell>
          <cell r="C65" t="str">
            <v xml:space="preserve">  　62</v>
          </cell>
          <cell r="D65">
            <v>-2534</v>
          </cell>
          <cell r="E65">
            <v>2509</v>
          </cell>
        </row>
        <row r="66">
          <cell r="A66">
            <v>63</v>
          </cell>
          <cell r="C66" t="str">
            <v xml:space="preserve">  　63</v>
          </cell>
          <cell r="D66">
            <v>-2230</v>
          </cell>
          <cell r="E66">
            <v>2260</v>
          </cell>
        </row>
        <row r="67">
          <cell r="A67">
            <v>64</v>
          </cell>
          <cell r="C67" t="str">
            <v xml:space="preserve">  　64</v>
          </cell>
          <cell r="D67">
            <v>-2243</v>
          </cell>
          <cell r="E67">
            <v>2448</v>
          </cell>
        </row>
        <row r="68">
          <cell r="A68">
            <v>65</v>
          </cell>
          <cell r="C68" t="str">
            <v xml:space="preserve">  　65</v>
          </cell>
          <cell r="D68">
            <v>-2332</v>
          </cell>
          <cell r="E68">
            <v>2388</v>
          </cell>
        </row>
        <row r="69">
          <cell r="A69">
            <v>66</v>
          </cell>
          <cell r="C69" t="str">
            <v xml:space="preserve">  　66</v>
          </cell>
          <cell r="D69">
            <v>-2227</v>
          </cell>
          <cell r="E69">
            <v>2430</v>
          </cell>
        </row>
        <row r="70">
          <cell r="A70">
            <v>67</v>
          </cell>
          <cell r="C70" t="str">
            <v xml:space="preserve">  　67</v>
          </cell>
          <cell r="D70">
            <v>-2161</v>
          </cell>
          <cell r="E70">
            <v>2326</v>
          </cell>
        </row>
        <row r="71">
          <cell r="A71">
            <v>68</v>
          </cell>
          <cell r="C71" t="str">
            <v xml:space="preserve">  　68</v>
          </cell>
          <cell r="D71">
            <v>-2115</v>
          </cell>
          <cell r="E71">
            <v>2224</v>
          </cell>
        </row>
        <row r="72">
          <cell r="A72">
            <v>69</v>
          </cell>
          <cell r="C72" t="str">
            <v xml:space="preserve">  　69</v>
          </cell>
          <cell r="D72">
            <v>-2172</v>
          </cell>
          <cell r="E72">
            <v>2404</v>
          </cell>
        </row>
        <row r="73">
          <cell r="A73">
            <v>70</v>
          </cell>
          <cell r="C73" t="str">
            <v xml:space="preserve">  　70</v>
          </cell>
          <cell r="D73">
            <v>-2371</v>
          </cell>
          <cell r="E73">
            <v>2618</v>
          </cell>
        </row>
        <row r="74">
          <cell r="A74">
            <v>71</v>
          </cell>
          <cell r="C74" t="str">
            <v xml:space="preserve">  　71</v>
          </cell>
          <cell r="D74">
            <v>-2283</v>
          </cell>
          <cell r="E74">
            <v>2486</v>
          </cell>
        </row>
        <row r="75">
          <cell r="A75">
            <v>72</v>
          </cell>
          <cell r="C75" t="str">
            <v xml:space="preserve">  　72</v>
          </cell>
          <cell r="D75">
            <v>-2439</v>
          </cell>
          <cell r="E75">
            <v>2772</v>
          </cell>
        </row>
        <row r="76">
          <cell r="A76">
            <v>73</v>
          </cell>
          <cell r="C76" t="str">
            <v xml:space="preserve">  　73</v>
          </cell>
          <cell r="D76">
            <v>-2422</v>
          </cell>
          <cell r="E76">
            <v>2707</v>
          </cell>
        </row>
        <row r="77">
          <cell r="A77">
            <v>74</v>
          </cell>
          <cell r="C77" t="str">
            <v xml:space="preserve">  　74</v>
          </cell>
          <cell r="D77">
            <v>-2460</v>
          </cell>
          <cell r="E77">
            <v>2907</v>
          </cell>
        </row>
        <row r="78">
          <cell r="A78">
            <v>75</v>
          </cell>
          <cell r="C78" t="str">
            <v xml:space="preserve">  　75</v>
          </cell>
          <cell r="D78">
            <v>-2742</v>
          </cell>
          <cell r="E78">
            <v>3291</v>
          </cell>
        </row>
        <row r="79">
          <cell r="A79">
            <v>76</v>
          </cell>
          <cell r="C79" t="str">
            <v xml:space="preserve">  　76</v>
          </cell>
          <cell r="D79">
            <v>-3059</v>
          </cell>
          <cell r="E79">
            <v>3556</v>
          </cell>
        </row>
        <row r="80">
          <cell r="A80">
            <v>77</v>
          </cell>
          <cell r="C80" t="str">
            <v xml:space="preserve">  　77</v>
          </cell>
          <cell r="D80">
            <v>-2982</v>
          </cell>
          <cell r="E80">
            <v>3633</v>
          </cell>
        </row>
        <row r="81">
          <cell r="A81">
            <v>78</v>
          </cell>
          <cell r="C81" t="str">
            <v xml:space="preserve">  　78</v>
          </cell>
          <cell r="D81">
            <v>-3044</v>
          </cell>
          <cell r="E81">
            <v>3929</v>
          </cell>
        </row>
        <row r="82">
          <cell r="A82">
            <v>79</v>
          </cell>
          <cell r="C82" t="str">
            <v xml:space="preserve">  　79</v>
          </cell>
          <cell r="D82">
            <v>-1534</v>
          </cell>
          <cell r="E82">
            <v>1933</v>
          </cell>
        </row>
        <row r="83">
          <cell r="A83">
            <v>80</v>
          </cell>
          <cell r="C83" t="str">
            <v xml:space="preserve">  　80</v>
          </cell>
          <cell r="D83">
            <v>-1608</v>
          </cell>
          <cell r="E83">
            <v>2140</v>
          </cell>
        </row>
        <row r="84">
          <cell r="A84">
            <v>81</v>
          </cell>
          <cell r="C84" t="str">
            <v xml:space="preserve">  　81</v>
          </cell>
          <cell r="D84">
            <v>-1945</v>
          </cell>
          <cell r="E84">
            <v>2780</v>
          </cell>
        </row>
        <row r="85">
          <cell r="A85">
            <v>82</v>
          </cell>
          <cell r="C85" t="str">
            <v xml:space="preserve">  　82</v>
          </cell>
          <cell r="D85">
            <v>-1718</v>
          </cell>
          <cell r="E85">
            <v>2507</v>
          </cell>
        </row>
        <row r="86">
          <cell r="A86">
            <v>83</v>
          </cell>
          <cell r="C86" t="str">
            <v xml:space="preserve">  　83</v>
          </cell>
          <cell r="D86">
            <v>-1789</v>
          </cell>
          <cell r="E86">
            <v>2672</v>
          </cell>
        </row>
        <row r="87">
          <cell r="A87">
            <v>84</v>
          </cell>
          <cell r="C87" t="str">
            <v xml:space="preserve">  　84</v>
          </cell>
          <cell r="D87">
            <v>-1532</v>
          </cell>
          <cell r="E87">
            <v>2330</v>
          </cell>
        </row>
        <row r="88">
          <cell r="A88">
            <v>85</v>
          </cell>
          <cell r="C88" t="str">
            <v xml:space="preserve">  　85</v>
          </cell>
          <cell r="D88">
            <v>-1318</v>
          </cell>
          <cell r="E88">
            <v>1992</v>
          </cell>
        </row>
        <row r="89">
          <cell r="A89">
            <v>86</v>
          </cell>
          <cell r="C89" t="str">
            <v xml:space="preserve">  　86</v>
          </cell>
          <cell r="D89">
            <v>-987</v>
          </cell>
          <cell r="E89">
            <v>1595</v>
          </cell>
        </row>
        <row r="90">
          <cell r="A90">
            <v>87</v>
          </cell>
          <cell r="C90" t="str">
            <v xml:space="preserve">  　87</v>
          </cell>
          <cell r="D90">
            <v>-901</v>
          </cell>
          <cell r="E90">
            <v>1571</v>
          </cell>
        </row>
        <row r="91">
          <cell r="A91">
            <v>88</v>
          </cell>
          <cell r="C91" t="str">
            <v xml:space="preserve">  　88</v>
          </cell>
          <cell r="D91">
            <v>-872</v>
          </cell>
          <cell r="E91">
            <v>1638</v>
          </cell>
        </row>
        <row r="92">
          <cell r="A92">
            <v>89</v>
          </cell>
          <cell r="C92" t="str">
            <v xml:space="preserve">  　89</v>
          </cell>
          <cell r="D92">
            <v>-767</v>
          </cell>
          <cell r="E92">
            <v>1700</v>
          </cell>
        </row>
        <row r="93">
          <cell r="A93">
            <v>90</v>
          </cell>
          <cell r="C93" t="str">
            <v xml:space="preserve">  　90</v>
          </cell>
          <cell r="D93">
            <v>-566</v>
          </cell>
          <cell r="E93">
            <v>1193</v>
          </cell>
        </row>
        <row r="94">
          <cell r="A94">
            <v>91</v>
          </cell>
          <cell r="C94" t="str">
            <v xml:space="preserve">  　91</v>
          </cell>
          <cell r="D94">
            <v>-484</v>
          </cell>
          <cell r="E94">
            <v>1247</v>
          </cell>
        </row>
        <row r="95">
          <cell r="A95">
            <v>92</v>
          </cell>
          <cell r="C95" t="str">
            <v xml:space="preserve">  　92</v>
          </cell>
          <cell r="D95">
            <v>-349</v>
          </cell>
          <cell r="E95">
            <v>1152</v>
          </cell>
        </row>
        <row r="96">
          <cell r="A96">
            <v>93</v>
          </cell>
          <cell r="C96" t="str">
            <v xml:space="preserve">  　93</v>
          </cell>
          <cell r="D96">
            <v>-265</v>
          </cell>
          <cell r="E96">
            <v>968</v>
          </cell>
        </row>
        <row r="97">
          <cell r="A97">
            <v>94</v>
          </cell>
          <cell r="C97" t="str">
            <v xml:space="preserve">  　94</v>
          </cell>
          <cell r="D97">
            <v>-217</v>
          </cell>
          <cell r="E97">
            <v>783</v>
          </cell>
        </row>
        <row r="98">
          <cell r="A98">
            <v>95</v>
          </cell>
          <cell r="C98" t="str">
            <v xml:space="preserve">  　95</v>
          </cell>
          <cell r="D98">
            <v>-148</v>
          </cell>
          <cell r="E98">
            <v>557</v>
          </cell>
        </row>
        <row r="99">
          <cell r="A99">
            <v>96</v>
          </cell>
          <cell r="C99" t="str">
            <v xml:space="preserve">  　96</v>
          </cell>
          <cell r="D99">
            <v>-105</v>
          </cell>
          <cell r="E99">
            <v>452</v>
          </cell>
        </row>
        <row r="100">
          <cell r="A100">
            <v>97</v>
          </cell>
          <cell r="C100" t="str">
            <v xml:space="preserve">  　97</v>
          </cell>
          <cell r="D100">
            <v>-73</v>
          </cell>
          <cell r="E100">
            <v>345</v>
          </cell>
        </row>
        <row r="101">
          <cell r="A101">
            <v>98</v>
          </cell>
          <cell r="C101" t="str">
            <v xml:space="preserve">  　98</v>
          </cell>
          <cell r="D101">
            <v>-48</v>
          </cell>
          <cell r="E101">
            <v>249</v>
          </cell>
        </row>
        <row r="102">
          <cell r="A102">
            <v>99</v>
          </cell>
          <cell r="C102" t="str">
            <v xml:space="preserve">  　99</v>
          </cell>
          <cell r="D102">
            <v>-37</v>
          </cell>
          <cell r="E102">
            <v>185</v>
          </cell>
        </row>
        <row r="103">
          <cell r="A103">
            <v>100</v>
          </cell>
          <cell r="C103" t="str">
            <v xml:space="preserve">   100</v>
          </cell>
          <cell r="D103">
            <v>-11</v>
          </cell>
          <cell r="E103">
            <v>136</v>
          </cell>
        </row>
        <row r="104">
          <cell r="A104" t="str">
            <v xml:space="preserve">   101-</v>
          </cell>
          <cell r="C104" t="str">
            <v xml:space="preserve">   101-</v>
          </cell>
          <cell r="D104">
            <v>-17</v>
          </cell>
          <cell r="E104">
            <v>203</v>
          </cell>
        </row>
        <row r="105">
          <cell r="D105">
            <v>0</v>
          </cell>
          <cell r="E105">
            <v>0</v>
          </cell>
        </row>
      </sheetData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2B2D30-1593-43A8-8FD2-F259C10C9F7E}">
  <sheetPr codeName="Sheet2">
    <pageSetUpPr fitToPage="1"/>
  </sheetPr>
  <dimension ref="A2:K2"/>
  <sheetViews>
    <sheetView tabSelected="1" defaultGridColor="0" colorId="9" zoomScaleNormal="100" workbookViewId="0">
      <selection activeCell="A2" sqref="A2:K2"/>
    </sheetView>
  </sheetViews>
  <sheetFormatPr defaultRowHeight="13.5" x14ac:dyDescent="0.15"/>
  <cols>
    <col min="1" max="1" width="9" style="2" customWidth="1"/>
    <col min="2" max="16384" width="9" style="2"/>
  </cols>
  <sheetData>
    <row r="2" spans="1:11" ht="18.75" x14ac:dyDescent="0.2">
      <c r="A2" s="1" t="s">
        <v>0</v>
      </c>
      <c r="B2" s="1"/>
      <c r="C2" s="1"/>
      <c r="D2" s="1"/>
      <c r="E2" s="1"/>
      <c r="F2" s="1"/>
      <c r="G2" s="1"/>
      <c r="H2" s="1"/>
      <c r="I2" s="1"/>
      <c r="J2" s="1"/>
      <c r="K2" s="1"/>
    </row>
  </sheetData>
  <mergeCells count="1">
    <mergeCell ref="A2:K2"/>
  </mergeCells>
  <phoneticPr fontId="2"/>
  <pageMargins left="0.78740157480314965" right="0.31496062992125984" top="0.51181102362204722" bottom="0.86614173228346458" header="0.51181102362204722" footer="0.51181102362204722"/>
  <pageSetup paperSize="9" scale="81" firstPageNumber="15" orientation="portrait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２．ピラミッ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3-05T01:21:19Z</dcterms:created>
  <dcterms:modified xsi:type="dcterms:W3CDTF">2026-03-05T01:21:38Z</dcterms:modified>
</cp:coreProperties>
</file>